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8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notesSlides/notesSlide9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 autoCompressPictures="0">
  <p:sldMasterIdLst>
    <p:sldMasterId id="2147483648" r:id="rId1"/>
  </p:sldMasterIdLst>
  <p:notesMasterIdLst>
    <p:notesMasterId r:id="rId44"/>
  </p:notesMasterIdLst>
  <p:sldIdLst>
    <p:sldId id="338" r:id="rId2"/>
    <p:sldId id="267" r:id="rId3"/>
    <p:sldId id="268" r:id="rId4"/>
    <p:sldId id="284" r:id="rId5"/>
    <p:sldId id="294" r:id="rId6"/>
    <p:sldId id="270" r:id="rId7"/>
    <p:sldId id="271" r:id="rId8"/>
    <p:sldId id="287" r:id="rId9"/>
    <p:sldId id="288" r:id="rId10"/>
    <p:sldId id="289" r:id="rId11"/>
    <p:sldId id="290" r:id="rId12"/>
    <p:sldId id="292" r:id="rId13"/>
    <p:sldId id="293" r:id="rId14"/>
    <p:sldId id="276" r:id="rId15"/>
    <p:sldId id="286" r:id="rId16"/>
    <p:sldId id="283" r:id="rId17"/>
    <p:sldId id="309" r:id="rId18"/>
    <p:sldId id="310" r:id="rId19"/>
    <p:sldId id="298" r:id="rId20"/>
    <p:sldId id="285" r:id="rId21"/>
    <p:sldId id="281" r:id="rId22"/>
    <p:sldId id="282" r:id="rId23"/>
    <p:sldId id="297" r:id="rId24"/>
    <p:sldId id="314" r:id="rId25"/>
    <p:sldId id="322" r:id="rId26"/>
    <p:sldId id="317" r:id="rId27"/>
    <p:sldId id="300" r:id="rId28"/>
    <p:sldId id="337" r:id="rId29"/>
    <p:sldId id="320" r:id="rId30"/>
    <p:sldId id="305" r:id="rId31"/>
    <p:sldId id="296" r:id="rId32"/>
    <p:sldId id="303" r:id="rId33"/>
    <p:sldId id="327" r:id="rId34"/>
    <p:sldId id="331" r:id="rId35"/>
    <p:sldId id="304" r:id="rId36"/>
    <p:sldId id="306" r:id="rId37"/>
    <p:sldId id="332" r:id="rId38"/>
    <p:sldId id="326" r:id="rId39"/>
    <p:sldId id="333" r:id="rId40"/>
    <p:sldId id="307" r:id="rId41"/>
    <p:sldId id="308" r:id="rId42"/>
    <p:sldId id="329" r:id="rId43"/>
  </p:sldIdLst>
  <p:sldSz cx="12192000" cy="6858000"/>
  <p:notesSz cx="6858000" cy="9144000"/>
  <p:embeddedFontLst>
    <p:embeddedFont>
      <p:font typeface="Aptos Narrow" panose="020B0004020202020204" pitchFamily="34" charset="0"/>
      <p:regular r:id="rId45"/>
      <p:bold r:id="rId46"/>
      <p:italic r:id="rId47"/>
      <p:boldItalic r:id="rId48"/>
    </p:embeddedFont>
    <p:embeddedFont>
      <p:font typeface="Franklin Gothic Medium" panose="020B0603020102020204" pitchFamily="34" charset="0"/>
      <p:regular r:id="rId49"/>
      <p:italic r:id="rId50"/>
    </p:embeddedFont>
    <p:embeddedFont>
      <p:font typeface="Lato" panose="020F0502020204030203" pitchFamily="34" charset="0"/>
      <p:regular r:id="rId51"/>
      <p:bold r:id="rId52"/>
      <p:italic r:id="rId53"/>
      <p:boldItalic r:id="rId54"/>
    </p:embeddedFont>
    <p:embeddedFont>
      <p:font typeface="Montserrat" pitchFamily="2" charset="0"/>
      <p:regular r:id="rId55"/>
      <p:bold r:id="rId56"/>
      <p:italic r:id="rId57"/>
      <p:boldItalic r:id="rId58"/>
    </p:embeddedFont>
    <p:embeddedFont>
      <p:font typeface="Raleway" pitchFamily="2" charset="0"/>
      <p:regular r:id="rId59"/>
      <p:bold r:id="rId60"/>
      <p:italic r:id="rId61"/>
      <p:boldItalic r:id="rId62"/>
    </p:embeddedFont>
    <p:embeddedFont>
      <p:font typeface="Raleway Black" pitchFamily="2" charset="0"/>
      <p:bold r:id="rId63"/>
      <p:boldItalic r:id="rId64"/>
    </p:embeddedFont>
    <p:embeddedFont>
      <p:font typeface="Segoe UI" panose="020B0502040204020203" pitchFamily="34" charset="0"/>
      <p:regular r:id="rId65"/>
      <p:bold r:id="rId66"/>
      <p:italic r:id="rId67"/>
      <p:boldItalic r:id="rId68"/>
    </p:embeddedFont>
  </p:embeddedFontLst>
  <p:defaultTextStyle>
    <a:defPPr>
      <a:defRPr lang="en-LT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Home Slide" id="{C41E965D-1BB0-6E42-80C1-B0CE61D34D0F}">
          <p14:sldIdLst>
            <p14:sldId id="338"/>
            <p14:sldId id="267"/>
          </p14:sldIdLst>
        </p14:section>
        <p14:section name="Introduction" id="{34C61D3D-3DDA-8544-919D-38908B71CF6E}">
          <p14:sldIdLst>
            <p14:sldId id="268"/>
            <p14:sldId id="284"/>
            <p14:sldId id="294"/>
          </p14:sldIdLst>
        </p14:section>
        <p14:section name="Problem statement" id="{BCB88EA0-9C45-43CC-A392-D7E8069C9456}">
          <p14:sldIdLst>
            <p14:sldId id="270"/>
            <p14:sldId id="271"/>
            <p14:sldId id="287"/>
            <p14:sldId id="288"/>
            <p14:sldId id="289"/>
            <p14:sldId id="290"/>
            <p14:sldId id="292"/>
            <p14:sldId id="293"/>
          </p14:sldIdLst>
        </p14:section>
        <p14:section name="Literature Review" id="{69B36CBF-3DC3-4D0F-A0C5-E9BD2CB14699}">
          <p14:sldIdLst>
            <p14:sldId id="276"/>
            <p14:sldId id="286"/>
          </p14:sldIdLst>
        </p14:section>
        <p14:section name="System Specification" id="{94BBA00D-0C28-4384-82CA-4D2D32DE7761}">
          <p14:sldIdLst>
            <p14:sldId id="283"/>
            <p14:sldId id="309"/>
            <p14:sldId id="310"/>
            <p14:sldId id="298"/>
          </p14:sldIdLst>
        </p14:section>
        <p14:section name="Home 2" id="{A50A58F1-211F-40A3-BFB1-2829BD66BC30}">
          <p14:sldIdLst>
            <p14:sldId id="285"/>
          </p14:sldIdLst>
        </p14:section>
        <p14:section name="Flow Diagram" id="{6B942EE4-93E3-4F72-A949-D13AB5DCE254}">
          <p14:sldIdLst>
            <p14:sldId id="281"/>
            <p14:sldId id="282"/>
          </p14:sldIdLst>
        </p14:section>
        <p14:section name="Design specification" id="{69ED0C12-204A-407A-9BA5-E79B22789688}">
          <p14:sldIdLst>
            <p14:sldId id="297"/>
            <p14:sldId id="314"/>
          </p14:sldIdLst>
        </p14:section>
        <p14:section name="Testing criteria" id="{6F9CEE5D-9E5F-4908-A713-656A1797DB6C}">
          <p14:sldIdLst>
            <p14:sldId id="322"/>
            <p14:sldId id="317"/>
          </p14:sldIdLst>
        </p14:section>
        <p14:section name="ease of adoption" id="{F2FFB968-3B00-4CF9-9F4A-893793830C38}">
          <p14:sldIdLst>
            <p14:sldId id="300"/>
            <p14:sldId id="337"/>
            <p14:sldId id="320"/>
            <p14:sldId id="305"/>
          </p14:sldIdLst>
        </p14:section>
        <p14:section name="home 3" id="{B5CC5957-13A3-4D89-BE1A-354B8B4C843F}">
          <p14:sldIdLst>
            <p14:sldId id="296"/>
          </p14:sldIdLst>
        </p14:section>
        <p14:section name="SDG's" id="{5710C97D-6E16-453B-BB31-D22EFCD1A563}">
          <p14:sldIdLst>
            <p14:sldId id="303"/>
            <p14:sldId id="327"/>
          </p14:sldIdLst>
        </p14:section>
        <p14:section name="Busineed dimension / commericalization aspects" id="{A6AABC09-E8D3-4A89-8CA0-B9135013C94E}">
          <p14:sldIdLst>
            <p14:sldId id="331"/>
            <p14:sldId id="304"/>
            <p14:sldId id="306"/>
          </p14:sldIdLst>
        </p14:section>
        <p14:section name="gantt chart" id="{0E97CDB0-FB89-4B12-8210-8754159FF0CD}">
          <p14:sldIdLst>
            <p14:sldId id="332"/>
            <p14:sldId id="326"/>
          </p14:sldIdLst>
        </p14:section>
        <p14:section name="Work divison and refrences" id="{ACE69075-190D-41C3-ACFB-CFEE448193AC}">
          <p14:sldIdLst>
            <p14:sldId id="333"/>
            <p14:sldId id="307"/>
            <p14:sldId id="308"/>
            <p14:sldId id="329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Author" initials="A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F253E"/>
    <a:srgbClr val="3D4849"/>
    <a:srgbClr val="12231D"/>
    <a:srgbClr val="101519"/>
    <a:srgbClr val="273E32"/>
    <a:srgbClr val="0D141A"/>
    <a:srgbClr val="0F141A"/>
    <a:srgbClr val="10192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65" d="100"/>
          <a:sy n="65" d="100"/>
        </p:scale>
        <p:origin x="912" y="7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font" Target="fonts/font3.fntdata"/><Relationship Id="rId63" Type="http://schemas.openxmlformats.org/officeDocument/2006/relationships/font" Target="fonts/font19.fntdata"/><Relationship Id="rId68" Type="http://schemas.openxmlformats.org/officeDocument/2006/relationships/font" Target="fonts/font24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font" Target="fonts/font1.fntdata"/><Relationship Id="rId53" Type="http://schemas.openxmlformats.org/officeDocument/2006/relationships/font" Target="fonts/font9.fntdata"/><Relationship Id="rId58" Type="http://schemas.openxmlformats.org/officeDocument/2006/relationships/font" Target="fonts/font14.fntdata"/><Relationship Id="rId66" Type="http://schemas.openxmlformats.org/officeDocument/2006/relationships/font" Target="fonts/font22.fntdata"/><Relationship Id="rId5" Type="http://schemas.openxmlformats.org/officeDocument/2006/relationships/slide" Target="slides/slide4.xml"/><Relationship Id="rId61" Type="http://schemas.openxmlformats.org/officeDocument/2006/relationships/font" Target="fonts/font17.fntdata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font" Target="fonts/font4.fntdata"/><Relationship Id="rId56" Type="http://schemas.openxmlformats.org/officeDocument/2006/relationships/font" Target="fonts/font12.fntdata"/><Relationship Id="rId64" Type="http://schemas.openxmlformats.org/officeDocument/2006/relationships/font" Target="fonts/font20.fntdata"/><Relationship Id="rId69" Type="http://schemas.openxmlformats.org/officeDocument/2006/relationships/presProps" Target="presProps.xml"/><Relationship Id="rId8" Type="http://schemas.openxmlformats.org/officeDocument/2006/relationships/slide" Target="slides/slide7.xml"/><Relationship Id="rId51" Type="http://schemas.openxmlformats.org/officeDocument/2006/relationships/font" Target="fonts/font7.fntdata"/><Relationship Id="rId72" Type="http://schemas.openxmlformats.org/officeDocument/2006/relationships/tableStyles" Target="tableStyle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font" Target="fonts/font2.fntdata"/><Relationship Id="rId59" Type="http://schemas.openxmlformats.org/officeDocument/2006/relationships/font" Target="fonts/font15.fntdata"/><Relationship Id="rId67" Type="http://schemas.openxmlformats.org/officeDocument/2006/relationships/font" Target="fonts/font23.fntdata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font" Target="fonts/font10.fntdata"/><Relationship Id="rId62" Type="http://schemas.openxmlformats.org/officeDocument/2006/relationships/font" Target="fonts/font18.fntdata"/><Relationship Id="rId7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5.fntdata"/><Relationship Id="rId57" Type="http://schemas.openxmlformats.org/officeDocument/2006/relationships/font" Target="fonts/font13.fntdata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notesMaster" Target="notesMasters/notesMaster1.xml"/><Relationship Id="rId52" Type="http://schemas.openxmlformats.org/officeDocument/2006/relationships/font" Target="fonts/font8.fntdata"/><Relationship Id="rId60" Type="http://schemas.openxmlformats.org/officeDocument/2006/relationships/font" Target="fonts/font16.fntdata"/><Relationship Id="rId65" Type="http://schemas.openxmlformats.org/officeDocument/2006/relationships/font" Target="fonts/font21.fntdata"/><Relationship Id="rId73" Type="http://schemas.microsoft.com/office/2018/10/relationships/authors" Target="author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font" Target="fonts/font6.fntdata"/><Relationship Id="rId55" Type="http://schemas.openxmlformats.org/officeDocument/2006/relationships/font" Target="fonts/font11.fntdata"/><Relationship Id="rId7" Type="http://schemas.openxmlformats.org/officeDocument/2006/relationships/slide" Target="slides/slide6.xml"/><Relationship Id="rId71" Type="http://schemas.openxmlformats.org/officeDocument/2006/relationships/theme" Target="theme/theme1.xml"/></Relationships>
</file>

<file path=ppt/diagrams/_rels/data3.xml.rels><?xml version="1.0" encoding="UTF-8" standalone="yes"?>
<Relationships xmlns="http://schemas.openxmlformats.org/package/2006/relationships"><Relationship Id="rId8" Type="http://schemas.openxmlformats.org/officeDocument/2006/relationships/image" Target="../media/image63.svg"/><Relationship Id="rId3" Type="http://schemas.openxmlformats.org/officeDocument/2006/relationships/image" Target="../media/image58.png"/><Relationship Id="rId7" Type="http://schemas.openxmlformats.org/officeDocument/2006/relationships/image" Target="../media/image62.png"/><Relationship Id="rId2" Type="http://schemas.openxmlformats.org/officeDocument/2006/relationships/image" Target="../media/image57.svg"/><Relationship Id="rId1" Type="http://schemas.openxmlformats.org/officeDocument/2006/relationships/image" Target="../media/image56.png"/><Relationship Id="rId6" Type="http://schemas.openxmlformats.org/officeDocument/2006/relationships/image" Target="../media/image61.svg"/><Relationship Id="rId5" Type="http://schemas.openxmlformats.org/officeDocument/2006/relationships/image" Target="../media/image60.png"/><Relationship Id="rId10" Type="http://schemas.openxmlformats.org/officeDocument/2006/relationships/image" Target="../media/image65.svg"/><Relationship Id="rId4" Type="http://schemas.openxmlformats.org/officeDocument/2006/relationships/image" Target="../media/image59.svg"/><Relationship Id="rId9" Type="http://schemas.openxmlformats.org/officeDocument/2006/relationships/image" Target="../media/image64.png"/></Relationships>
</file>

<file path=ppt/diagrams/_rels/drawing3.xml.rels><?xml version="1.0" encoding="UTF-8" standalone="yes"?>
<Relationships xmlns="http://schemas.openxmlformats.org/package/2006/relationships"><Relationship Id="rId8" Type="http://schemas.openxmlformats.org/officeDocument/2006/relationships/image" Target="../media/image63.svg"/><Relationship Id="rId3" Type="http://schemas.openxmlformats.org/officeDocument/2006/relationships/image" Target="../media/image58.png"/><Relationship Id="rId7" Type="http://schemas.openxmlformats.org/officeDocument/2006/relationships/image" Target="../media/image62.png"/><Relationship Id="rId2" Type="http://schemas.openxmlformats.org/officeDocument/2006/relationships/image" Target="../media/image57.svg"/><Relationship Id="rId1" Type="http://schemas.openxmlformats.org/officeDocument/2006/relationships/image" Target="../media/image56.png"/><Relationship Id="rId6" Type="http://schemas.openxmlformats.org/officeDocument/2006/relationships/image" Target="../media/image61.svg"/><Relationship Id="rId5" Type="http://schemas.openxmlformats.org/officeDocument/2006/relationships/image" Target="../media/image60.png"/><Relationship Id="rId10" Type="http://schemas.openxmlformats.org/officeDocument/2006/relationships/image" Target="../media/image65.svg"/><Relationship Id="rId4" Type="http://schemas.openxmlformats.org/officeDocument/2006/relationships/image" Target="../media/image59.svg"/><Relationship Id="rId9" Type="http://schemas.openxmlformats.org/officeDocument/2006/relationships/image" Target="../media/image64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18/5/colors/Iconchunking_neutralicon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177490A-0E18-4A1A-B6D7-71A259DD1789}" type="doc">
      <dgm:prSet loTypeId="urn:microsoft.com/office/officeart/2005/8/layout/orgChart1" loCatId="hierarchy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US"/>
        </a:p>
      </dgm:t>
    </dgm:pt>
    <dgm:pt modelId="{6626D47A-45EF-4013-AE8F-B319C819C88B}" type="pres">
      <dgm:prSet presAssocID="{4177490A-0E18-4A1A-B6D7-71A259DD1789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</dgm:ptLst>
  <dgm:cxnLst>
    <dgm:cxn modelId="{7109D4D8-B7F4-434E-AB80-F1096C98350D}" type="presOf" srcId="{4177490A-0E18-4A1A-B6D7-71A259DD1789}" destId="{6626D47A-45EF-4013-AE8F-B319C819C88B}" srcOrd="0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15D73A9C-7AF9-4723-A761-95498332ABD0}" type="doc">
      <dgm:prSet loTypeId="urn:microsoft.com/office/officeart/2005/8/layout/default" loCatId="list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DAC1436F-9740-4445-BFB6-297DF7D20C2C}">
      <dgm:prSet/>
      <dgm:spPr/>
      <dgm:t>
        <a:bodyPr/>
        <a:lstStyle/>
        <a:p>
          <a:r>
            <a:rPr lang="en-US" b="1" i="0"/>
            <a:t>Modular Architecture</a:t>
          </a:r>
          <a:r>
            <a:rPr lang="en-US" b="0" i="0"/>
            <a:t>​</a:t>
          </a:r>
          <a:endParaRPr lang="en-US"/>
        </a:p>
      </dgm:t>
    </dgm:pt>
    <dgm:pt modelId="{B9FD8189-B09C-4B0C-B062-D1222766BFA2}" type="parTrans" cxnId="{AB870367-6C6D-4BD0-AE2E-65C91F97874E}">
      <dgm:prSet/>
      <dgm:spPr/>
      <dgm:t>
        <a:bodyPr/>
        <a:lstStyle/>
        <a:p>
          <a:endParaRPr lang="en-US"/>
        </a:p>
      </dgm:t>
    </dgm:pt>
    <dgm:pt modelId="{06DDC8A4-3D8A-459E-B1DB-ECEEFE03B814}" type="sibTrans" cxnId="{AB870367-6C6D-4BD0-AE2E-65C91F97874E}">
      <dgm:prSet/>
      <dgm:spPr/>
      <dgm:t>
        <a:bodyPr/>
        <a:lstStyle/>
        <a:p>
          <a:endParaRPr lang="en-US"/>
        </a:p>
      </dgm:t>
    </dgm:pt>
    <dgm:pt modelId="{AD28AEA2-A3DE-45BF-A63F-93F58C83EDBA}">
      <dgm:prSet/>
      <dgm:spPr/>
      <dgm:t>
        <a:bodyPr/>
        <a:lstStyle/>
        <a:p>
          <a:r>
            <a:rPr lang="en-US" b="1" i="0"/>
            <a:t>Robust Documentation</a:t>
          </a:r>
          <a:r>
            <a:rPr lang="en-US" b="0" i="0"/>
            <a:t>​</a:t>
          </a:r>
          <a:endParaRPr lang="en-US"/>
        </a:p>
      </dgm:t>
    </dgm:pt>
    <dgm:pt modelId="{4D1366CA-F970-4E21-ADD8-C73ECB608B27}" type="parTrans" cxnId="{7CC87A20-B139-4AD1-B1EA-C4A4CD8ED305}">
      <dgm:prSet/>
      <dgm:spPr/>
      <dgm:t>
        <a:bodyPr/>
        <a:lstStyle/>
        <a:p>
          <a:endParaRPr lang="en-US"/>
        </a:p>
      </dgm:t>
    </dgm:pt>
    <dgm:pt modelId="{63DF60A2-99D9-4762-AFFB-28EF5962EBA7}" type="sibTrans" cxnId="{7CC87A20-B139-4AD1-B1EA-C4A4CD8ED305}">
      <dgm:prSet/>
      <dgm:spPr/>
      <dgm:t>
        <a:bodyPr/>
        <a:lstStyle/>
        <a:p>
          <a:endParaRPr lang="en-US"/>
        </a:p>
      </dgm:t>
    </dgm:pt>
    <dgm:pt modelId="{D1A07265-BB76-4D3A-A1C1-297C307534A1}">
      <dgm:prSet/>
      <dgm:spPr/>
      <dgm:t>
        <a:bodyPr/>
        <a:lstStyle/>
        <a:p>
          <a:r>
            <a:rPr lang="en-US" b="1" i="0"/>
            <a:t>Community Support</a:t>
          </a:r>
          <a:endParaRPr lang="en-US"/>
        </a:p>
      </dgm:t>
    </dgm:pt>
    <dgm:pt modelId="{9025BA34-9E59-4D47-BF1D-0103E12ABB9A}" type="parTrans" cxnId="{C82CC346-2688-46ED-8BA5-F71BB8DAB559}">
      <dgm:prSet/>
      <dgm:spPr/>
      <dgm:t>
        <a:bodyPr/>
        <a:lstStyle/>
        <a:p>
          <a:endParaRPr lang="en-US"/>
        </a:p>
      </dgm:t>
    </dgm:pt>
    <dgm:pt modelId="{8AA7B90C-C6DC-46B2-9957-33A82F92153D}" type="sibTrans" cxnId="{C82CC346-2688-46ED-8BA5-F71BB8DAB559}">
      <dgm:prSet/>
      <dgm:spPr/>
      <dgm:t>
        <a:bodyPr/>
        <a:lstStyle/>
        <a:p>
          <a:endParaRPr lang="en-US"/>
        </a:p>
      </dgm:t>
    </dgm:pt>
    <dgm:pt modelId="{4B38BF49-C6E0-41D7-A4E3-DB1FA0F4BFD6}">
      <dgm:prSet/>
      <dgm:spPr/>
      <dgm:t>
        <a:bodyPr/>
        <a:lstStyle/>
        <a:p>
          <a:r>
            <a:rPr lang="en-US" b="1" i="0"/>
            <a:t>Simulation Capabilities</a:t>
          </a:r>
          <a:r>
            <a:rPr lang="en-US" b="0" i="0"/>
            <a:t>​​</a:t>
          </a:r>
          <a:endParaRPr lang="en-US"/>
        </a:p>
      </dgm:t>
    </dgm:pt>
    <dgm:pt modelId="{099FB76A-B602-4FAB-8BBE-9EF580C3B218}" type="parTrans" cxnId="{8D4763C5-C769-44C3-B400-5A08D5C1ACB4}">
      <dgm:prSet/>
      <dgm:spPr/>
      <dgm:t>
        <a:bodyPr/>
        <a:lstStyle/>
        <a:p>
          <a:endParaRPr lang="en-US"/>
        </a:p>
      </dgm:t>
    </dgm:pt>
    <dgm:pt modelId="{97600352-2078-4FA7-9C0A-5ADE2F414F9F}" type="sibTrans" cxnId="{8D4763C5-C769-44C3-B400-5A08D5C1ACB4}">
      <dgm:prSet/>
      <dgm:spPr/>
      <dgm:t>
        <a:bodyPr/>
        <a:lstStyle/>
        <a:p>
          <a:endParaRPr lang="en-US"/>
        </a:p>
      </dgm:t>
    </dgm:pt>
    <dgm:pt modelId="{26B4050F-E3A8-4522-874D-5CD8C95C98A2}">
      <dgm:prSet/>
      <dgm:spPr/>
      <dgm:t>
        <a:bodyPr/>
        <a:lstStyle/>
        <a:p>
          <a:r>
            <a:rPr lang="en-US" b="1" i="0"/>
            <a:t>Scalability</a:t>
          </a:r>
          <a:r>
            <a:rPr lang="en-US" b="0" i="0"/>
            <a:t>​</a:t>
          </a:r>
          <a:endParaRPr lang="en-US"/>
        </a:p>
      </dgm:t>
    </dgm:pt>
    <dgm:pt modelId="{6440DFD0-21EA-4A52-BDA2-74383BA2DD7D}" type="parTrans" cxnId="{09FF52D2-7235-47A4-A476-8668384AB16D}">
      <dgm:prSet/>
      <dgm:spPr/>
      <dgm:t>
        <a:bodyPr/>
        <a:lstStyle/>
        <a:p>
          <a:endParaRPr lang="en-US"/>
        </a:p>
      </dgm:t>
    </dgm:pt>
    <dgm:pt modelId="{05DFE18D-3F4B-4FDC-B8AF-C520CFC5B460}" type="sibTrans" cxnId="{09FF52D2-7235-47A4-A476-8668384AB16D}">
      <dgm:prSet/>
      <dgm:spPr/>
      <dgm:t>
        <a:bodyPr/>
        <a:lstStyle/>
        <a:p>
          <a:endParaRPr lang="en-US"/>
        </a:p>
      </dgm:t>
    </dgm:pt>
    <dgm:pt modelId="{923BB681-1D8B-47AD-8017-67B95160996D}">
      <dgm:prSet/>
      <dgm:spPr/>
      <dgm:t>
        <a:bodyPr/>
        <a:lstStyle/>
        <a:p>
          <a:r>
            <a:rPr lang="en-US" b="1" i="0"/>
            <a:t>Real-Time Performance</a:t>
          </a:r>
          <a:r>
            <a:rPr lang="en-US" b="0" i="0"/>
            <a:t>​</a:t>
          </a:r>
          <a:endParaRPr lang="en-US"/>
        </a:p>
      </dgm:t>
    </dgm:pt>
    <dgm:pt modelId="{BE873824-DB43-4848-87C6-E0CC46A3D41C}" type="parTrans" cxnId="{737A69C5-A464-4CA7-A0A8-CFF7CB29A2A9}">
      <dgm:prSet/>
      <dgm:spPr/>
      <dgm:t>
        <a:bodyPr/>
        <a:lstStyle/>
        <a:p>
          <a:endParaRPr lang="en-US"/>
        </a:p>
      </dgm:t>
    </dgm:pt>
    <dgm:pt modelId="{F0F0FD9A-9C86-4E2F-9A33-747D0137121E}" type="sibTrans" cxnId="{737A69C5-A464-4CA7-A0A8-CFF7CB29A2A9}">
      <dgm:prSet/>
      <dgm:spPr/>
      <dgm:t>
        <a:bodyPr/>
        <a:lstStyle/>
        <a:p>
          <a:endParaRPr lang="en-US"/>
        </a:p>
      </dgm:t>
    </dgm:pt>
    <dgm:pt modelId="{9E5DCFC0-5A5E-4E7D-8499-F25F128D6246}">
      <dgm:prSet/>
      <dgm:spPr/>
      <dgm:t>
        <a:bodyPr/>
        <a:lstStyle/>
        <a:p>
          <a:r>
            <a:rPr lang="en-US" b="1" i="0"/>
            <a:t>Open Source</a:t>
          </a:r>
          <a:r>
            <a:rPr lang="en-US" b="0" i="0"/>
            <a:t>​</a:t>
          </a:r>
          <a:endParaRPr lang="en-US"/>
        </a:p>
      </dgm:t>
    </dgm:pt>
    <dgm:pt modelId="{D336CD18-FACF-428E-9994-0FEA7567D2B7}" type="parTrans" cxnId="{2576E7A2-9777-43D9-8747-443D1ED59BA4}">
      <dgm:prSet/>
      <dgm:spPr/>
      <dgm:t>
        <a:bodyPr/>
        <a:lstStyle/>
        <a:p>
          <a:endParaRPr lang="en-US"/>
        </a:p>
      </dgm:t>
    </dgm:pt>
    <dgm:pt modelId="{F6A67B8A-899C-4D0A-829D-B40F244D427F}" type="sibTrans" cxnId="{2576E7A2-9777-43D9-8747-443D1ED59BA4}">
      <dgm:prSet/>
      <dgm:spPr/>
      <dgm:t>
        <a:bodyPr/>
        <a:lstStyle/>
        <a:p>
          <a:endParaRPr lang="en-US"/>
        </a:p>
      </dgm:t>
    </dgm:pt>
    <dgm:pt modelId="{E61FAC24-E2E1-4F86-B97F-BBBD7F1379F4}" type="pres">
      <dgm:prSet presAssocID="{15D73A9C-7AF9-4723-A761-95498332ABD0}" presName="diagram" presStyleCnt="0">
        <dgm:presLayoutVars>
          <dgm:dir/>
          <dgm:resizeHandles val="exact"/>
        </dgm:presLayoutVars>
      </dgm:prSet>
      <dgm:spPr/>
    </dgm:pt>
    <dgm:pt modelId="{F196C833-9386-4FE7-AC78-8C19B26CC35E}" type="pres">
      <dgm:prSet presAssocID="{DAC1436F-9740-4445-BFB6-297DF7D20C2C}" presName="node" presStyleLbl="node1" presStyleIdx="0" presStyleCnt="7">
        <dgm:presLayoutVars>
          <dgm:bulletEnabled val="1"/>
        </dgm:presLayoutVars>
      </dgm:prSet>
      <dgm:spPr/>
    </dgm:pt>
    <dgm:pt modelId="{0292368F-FB7F-402C-A19D-41814999D004}" type="pres">
      <dgm:prSet presAssocID="{06DDC8A4-3D8A-459E-B1DB-ECEEFE03B814}" presName="sibTrans" presStyleCnt="0"/>
      <dgm:spPr/>
    </dgm:pt>
    <dgm:pt modelId="{57E042BF-7742-434D-9018-5CAA1C9E7395}" type="pres">
      <dgm:prSet presAssocID="{AD28AEA2-A3DE-45BF-A63F-93F58C83EDBA}" presName="node" presStyleLbl="node1" presStyleIdx="1" presStyleCnt="7">
        <dgm:presLayoutVars>
          <dgm:bulletEnabled val="1"/>
        </dgm:presLayoutVars>
      </dgm:prSet>
      <dgm:spPr/>
    </dgm:pt>
    <dgm:pt modelId="{380FE086-5695-4A4B-8F1C-6F26D2CEF2E5}" type="pres">
      <dgm:prSet presAssocID="{63DF60A2-99D9-4762-AFFB-28EF5962EBA7}" presName="sibTrans" presStyleCnt="0"/>
      <dgm:spPr/>
    </dgm:pt>
    <dgm:pt modelId="{3BD61D58-A1F6-4FE4-BAC6-6AF01498C158}" type="pres">
      <dgm:prSet presAssocID="{D1A07265-BB76-4D3A-A1C1-297C307534A1}" presName="node" presStyleLbl="node1" presStyleIdx="2" presStyleCnt="7">
        <dgm:presLayoutVars>
          <dgm:bulletEnabled val="1"/>
        </dgm:presLayoutVars>
      </dgm:prSet>
      <dgm:spPr/>
    </dgm:pt>
    <dgm:pt modelId="{09A10D7D-E702-4D57-A72A-7B5773E20A94}" type="pres">
      <dgm:prSet presAssocID="{8AA7B90C-C6DC-46B2-9957-33A82F92153D}" presName="sibTrans" presStyleCnt="0"/>
      <dgm:spPr/>
    </dgm:pt>
    <dgm:pt modelId="{7AF5E2C5-7D53-4B78-8982-1C6FEDB5A6A9}" type="pres">
      <dgm:prSet presAssocID="{4B38BF49-C6E0-41D7-A4E3-DB1FA0F4BFD6}" presName="node" presStyleLbl="node1" presStyleIdx="3" presStyleCnt="7">
        <dgm:presLayoutVars>
          <dgm:bulletEnabled val="1"/>
        </dgm:presLayoutVars>
      </dgm:prSet>
      <dgm:spPr/>
    </dgm:pt>
    <dgm:pt modelId="{9191D9DE-57B6-40A3-9347-301BC11EA37C}" type="pres">
      <dgm:prSet presAssocID="{97600352-2078-4FA7-9C0A-5ADE2F414F9F}" presName="sibTrans" presStyleCnt="0"/>
      <dgm:spPr/>
    </dgm:pt>
    <dgm:pt modelId="{EB144B5D-A7DE-464B-A44A-E3DD31087E84}" type="pres">
      <dgm:prSet presAssocID="{26B4050F-E3A8-4522-874D-5CD8C95C98A2}" presName="node" presStyleLbl="node1" presStyleIdx="4" presStyleCnt="7">
        <dgm:presLayoutVars>
          <dgm:bulletEnabled val="1"/>
        </dgm:presLayoutVars>
      </dgm:prSet>
      <dgm:spPr/>
    </dgm:pt>
    <dgm:pt modelId="{A9EC2B62-FA57-47DB-AC27-2A323F040EF5}" type="pres">
      <dgm:prSet presAssocID="{05DFE18D-3F4B-4FDC-B8AF-C520CFC5B460}" presName="sibTrans" presStyleCnt="0"/>
      <dgm:spPr/>
    </dgm:pt>
    <dgm:pt modelId="{A5FAC37C-0CBC-4752-ACB9-BF996FF09AB2}" type="pres">
      <dgm:prSet presAssocID="{923BB681-1D8B-47AD-8017-67B95160996D}" presName="node" presStyleLbl="node1" presStyleIdx="5" presStyleCnt="7">
        <dgm:presLayoutVars>
          <dgm:bulletEnabled val="1"/>
        </dgm:presLayoutVars>
      </dgm:prSet>
      <dgm:spPr/>
    </dgm:pt>
    <dgm:pt modelId="{6FCBAD07-C81F-490B-B72C-DDEF805B8E9B}" type="pres">
      <dgm:prSet presAssocID="{F0F0FD9A-9C86-4E2F-9A33-747D0137121E}" presName="sibTrans" presStyleCnt="0"/>
      <dgm:spPr/>
    </dgm:pt>
    <dgm:pt modelId="{A0586C14-D50B-47AC-AA90-6F7E4089170B}" type="pres">
      <dgm:prSet presAssocID="{9E5DCFC0-5A5E-4E7D-8499-F25F128D6246}" presName="node" presStyleLbl="node1" presStyleIdx="6" presStyleCnt="7">
        <dgm:presLayoutVars>
          <dgm:bulletEnabled val="1"/>
        </dgm:presLayoutVars>
      </dgm:prSet>
      <dgm:spPr/>
    </dgm:pt>
  </dgm:ptLst>
  <dgm:cxnLst>
    <dgm:cxn modelId="{27FE6F0E-67E0-4B42-95F5-42CB722825EA}" type="presOf" srcId="{15D73A9C-7AF9-4723-A761-95498332ABD0}" destId="{E61FAC24-E2E1-4F86-B97F-BBBD7F1379F4}" srcOrd="0" destOrd="0" presId="urn:microsoft.com/office/officeart/2005/8/layout/default"/>
    <dgm:cxn modelId="{7CC87A20-B139-4AD1-B1EA-C4A4CD8ED305}" srcId="{15D73A9C-7AF9-4723-A761-95498332ABD0}" destId="{AD28AEA2-A3DE-45BF-A63F-93F58C83EDBA}" srcOrd="1" destOrd="0" parTransId="{4D1366CA-F970-4E21-ADD8-C73ECB608B27}" sibTransId="{63DF60A2-99D9-4762-AFFB-28EF5962EBA7}"/>
    <dgm:cxn modelId="{01518C2B-924D-4CB0-AAFE-9671D1AD8C25}" type="presOf" srcId="{923BB681-1D8B-47AD-8017-67B95160996D}" destId="{A5FAC37C-0CBC-4752-ACB9-BF996FF09AB2}" srcOrd="0" destOrd="0" presId="urn:microsoft.com/office/officeart/2005/8/layout/default"/>
    <dgm:cxn modelId="{C82CC346-2688-46ED-8BA5-F71BB8DAB559}" srcId="{15D73A9C-7AF9-4723-A761-95498332ABD0}" destId="{D1A07265-BB76-4D3A-A1C1-297C307534A1}" srcOrd="2" destOrd="0" parTransId="{9025BA34-9E59-4D47-BF1D-0103E12ABB9A}" sibTransId="{8AA7B90C-C6DC-46B2-9957-33A82F92153D}"/>
    <dgm:cxn modelId="{AB870367-6C6D-4BD0-AE2E-65C91F97874E}" srcId="{15D73A9C-7AF9-4723-A761-95498332ABD0}" destId="{DAC1436F-9740-4445-BFB6-297DF7D20C2C}" srcOrd="0" destOrd="0" parTransId="{B9FD8189-B09C-4B0C-B062-D1222766BFA2}" sibTransId="{06DDC8A4-3D8A-459E-B1DB-ECEEFE03B814}"/>
    <dgm:cxn modelId="{9BF71249-6864-495C-813D-21576BB58DCC}" type="presOf" srcId="{9E5DCFC0-5A5E-4E7D-8499-F25F128D6246}" destId="{A0586C14-D50B-47AC-AA90-6F7E4089170B}" srcOrd="0" destOrd="0" presId="urn:microsoft.com/office/officeart/2005/8/layout/default"/>
    <dgm:cxn modelId="{08785985-8BD1-49C5-B743-309BC219B489}" type="presOf" srcId="{AD28AEA2-A3DE-45BF-A63F-93F58C83EDBA}" destId="{57E042BF-7742-434D-9018-5CAA1C9E7395}" srcOrd="0" destOrd="0" presId="urn:microsoft.com/office/officeart/2005/8/layout/default"/>
    <dgm:cxn modelId="{F6E73586-DBBC-4841-A8C9-1AAB62AC1D24}" type="presOf" srcId="{D1A07265-BB76-4D3A-A1C1-297C307534A1}" destId="{3BD61D58-A1F6-4FE4-BAC6-6AF01498C158}" srcOrd="0" destOrd="0" presId="urn:microsoft.com/office/officeart/2005/8/layout/default"/>
    <dgm:cxn modelId="{2576E7A2-9777-43D9-8747-443D1ED59BA4}" srcId="{15D73A9C-7AF9-4723-A761-95498332ABD0}" destId="{9E5DCFC0-5A5E-4E7D-8499-F25F128D6246}" srcOrd="6" destOrd="0" parTransId="{D336CD18-FACF-428E-9994-0FEA7567D2B7}" sibTransId="{F6A67B8A-899C-4D0A-829D-B40F244D427F}"/>
    <dgm:cxn modelId="{4063E1AE-D766-42CB-A55C-F129C345F7C1}" type="presOf" srcId="{4B38BF49-C6E0-41D7-A4E3-DB1FA0F4BFD6}" destId="{7AF5E2C5-7D53-4B78-8982-1C6FEDB5A6A9}" srcOrd="0" destOrd="0" presId="urn:microsoft.com/office/officeart/2005/8/layout/default"/>
    <dgm:cxn modelId="{823F06B4-D2DB-4046-B5E0-6AA4C27F3414}" type="presOf" srcId="{26B4050F-E3A8-4522-874D-5CD8C95C98A2}" destId="{EB144B5D-A7DE-464B-A44A-E3DD31087E84}" srcOrd="0" destOrd="0" presId="urn:microsoft.com/office/officeart/2005/8/layout/default"/>
    <dgm:cxn modelId="{7B77A2B6-A4A1-45AD-A667-050BD48455E8}" type="presOf" srcId="{DAC1436F-9740-4445-BFB6-297DF7D20C2C}" destId="{F196C833-9386-4FE7-AC78-8C19B26CC35E}" srcOrd="0" destOrd="0" presId="urn:microsoft.com/office/officeart/2005/8/layout/default"/>
    <dgm:cxn modelId="{8D4763C5-C769-44C3-B400-5A08D5C1ACB4}" srcId="{15D73A9C-7AF9-4723-A761-95498332ABD0}" destId="{4B38BF49-C6E0-41D7-A4E3-DB1FA0F4BFD6}" srcOrd="3" destOrd="0" parTransId="{099FB76A-B602-4FAB-8BBE-9EF580C3B218}" sibTransId="{97600352-2078-4FA7-9C0A-5ADE2F414F9F}"/>
    <dgm:cxn modelId="{737A69C5-A464-4CA7-A0A8-CFF7CB29A2A9}" srcId="{15D73A9C-7AF9-4723-A761-95498332ABD0}" destId="{923BB681-1D8B-47AD-8017-67B95160996D}" srcOrd="5" destOrd="0" parTransId="{BE873824-DB43-4848-87C6-E0CC46A3D41C}" sibTransId="{F0F0FD9A-9C86-4E2F-9A33-747D0137121E}"/>
    <dgm:cxn modelId="{09FF52D2-7235-47A4-A476-8668384AB16D}" srcId="{15D73A9C-7AF9-4723-A761-95498332ABD0}" destId="{26B4050F-E3A8-4522-874D-5CD8C95C98A2}" srcOrd="4" destOrd="0" parTransId="{6440DFD0-21EA-4A52-BDA2-74383BA2DD7D}" sibTransId="{05DFE18D-3F4B-4FDC-B8AF-C520CFC5B460}"/>
    <dgm:cxn modelId="{EF4A55F0-01CA-4F65-AF9D-158A358092D4}" type="presParOf" srcId="{E61FAC24-E2E1-4F86-B97F-BBBD7F1379F4}" destId="{F196C833-9386-4FE7-AC78-8C19B26CC35E}" srcOrd="0" destOrd="0" presId="urn:microsoft.com/office/officeart/2005/8/layout/default"/>
    <dgm:cxn modelId="{686807E7-CBBD-48EC-AF7D-47116D2C4413}" type="presParOf" srcId="{E61FAC24-E2E1-4F86-B97F-BBBD7F1379F4}" destId="{0292368F-FB7F-402C-A19D-41814999D004}" srcOrd="1" destOrd="0" presId="urn:microsoft.com/office/officeart/2005/8/layout/default"/>
    <dgm:cxn modelId="{ADA72EBC-0E52-46B9-982E-183AA391CAFD}" type="presParOf" srcId="{E61FAC24-E2E1-4F86-B97F-BBBD7F1379F4}" destId="{57E042BF-7742-434D-9018-5CAA1C9E7395}" srcOrd="2" destOrd="0" presId="urn:microsoft.com/office/officeart/2005/8/layout/default"/>
    <dgm:cxn modelId="{75FF4A01-85F2-4BDA-BDDA-FAF43EF30718}" type="presParOf" srcId="{E61FAC24-E2E1-4F86-B97F-BBBD7F1379F4}" destId="{380FE086-5695-4A4B-8F1C-6F26D2CEF2E5}" srcOrd="3" destOrd="0" presId="urn:microsoft.com/office/officeart/2005/8/layout/default"/>
    <dgm:cxn modelId="{097F170E-8168-41C7-A816-E73A7A2BFE14}" type="presParOf" srcId="{E61FAC24-E2E1-4F86-B97F-BBBD7F1379F4}" destId="{3BD61D58-A1F6-4FE4-BAC6-6AF01498C158}" srcOrd="4" destOrd="0" presId="urn:microsoft.com/office/officeart/2005/8/layout/default"/>
    <dgm:cxn modelId="{C0334796-2FD4-4C04-BA8B-3CA77182E465}" type="presParOf" srcId="{E61FAC24-E2E1-4F86-B97F-BBBD7F1379F4}" destId="{09A10D7D-E702-4D57-A72A-7B5773E20A94}" srcOrd="5" destOrd="0" presId="urn:microsoft.com/office/officeart/2005/8/layout/default"/>
    <dgm:cxn modelId="{849B6838-5951-43A3-8960-C46F82FE9C00}" type="presParOf" srcId="{E61FAC24-E2E1-4F86-B97F-BBBD7F1379F4}" destId="{7AF5E2C5-7D53-4B78-8982-1C6FEDB5A6A9}" srcOrd="6" destOrd="0" presId="urn:microsoft.com/office/officeart/2005/8/layout/default"/>
    <dgm:cxn modelId="{EAA6F2D4-3407-4FF0-A921-54496756F959}" type="presParOf" srcId="{E61FAC24-E2E1-4F86-B97F-BBBD7F1379F4}" destId="{9191D9DE-57B6-40A3-9347-301BC11EA37C}" srcOrd="7" destOrd="0" presId="urn:microsoft.com/office/officeart/2005/8/layout/default"/>
    <dgm:cxn modelId="{748DD299-BCDB-43DC-AB29-E770538F9A57}" type="presParOf" srcId="{E61FAC24-E2E1-4F86-B97F-BBBD7F1379F4}" destId="{EB144B5D-A7DE-464B-A44A-E3DD31087E84}" srcOrd="8" destOrd="0" presId="urn:microsoft.com/office/officeart/2005/8/layout/default"/>
    <dgm:cxn modelId="{CF9DECF1-7ED3-4C34-A9F5-775CBE7BB55C}" type="presParOf" srcId="{E61FAC24-E2E1-4F86-B97F-BBBD7F1379F4}" destId="{A9EC2B62-FA57-47DB-AC27-2A323F040EF5}" srcOrd="9" destOrd="0" presId="urn:microsoft.com/office/officeart/2005/8/layout/default"/>
    <dgm:cxn modelId="{A2723969-C133-4259-822E-D91151D1CBA1}" type="presParOf" srcId="{E61FAC24-E2E1-4F86-B97F-BBBD7F1379F4}" destId="{A5FAC37C-0CBC-4752-ACB9-BF996FF09AB2}" srcOrd="10" destOrd="0" presId="urn:microsoft.com/office/officeart/2005/8/layout/default"/>
    <dgm:cxn modelId="{46F01609-83A7-4D49-B5CE-ADAE2B7C5760}" type="presParOf" srcId="{E61FAC24-E2E1-4F86-B97F-BBBD7F1379F4}" destId="{6FCBAD07-C81F-490B-B72C-DDEF805B8E9B}" srcOrd="11" destOrd="0" presId="urn:microsoft.com/office/officeart/2005/8/layout/default"/>
    <dgm:cxn modelId="{B1F28E42-68BB-4FDA-BB85-A30D231A7063}" type="presParOf" srcId="{E61FAC24-E2E1-4F86-B97F-BBBD7F1379F4}" destId="{A0586C14-D50B-47AC-AA90-6F7E4089170B}" srcOrd="12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1E32632C-D427-4B3C-8B3A-0D4BB0314ECE}" type="doc">
      <dgm:prSet loTypeId="urn:microsoft.com/office/officeart/2018/5/layout/IconCircleLabelList" loCatId="icon" qsTypeId="urn:microsoft.com/office/officeart/2005/8/quickstyle/simple1" qsCatId="simple" csTypeId="urn:microsoft.com/office/officeart/2018/5/colors/Iconchunking_neutralicon_colorful1" csCatId="colorful" phldr="1"/>
      <dgm:spPr/>
      <dgm:t>
        <a:bodyPr/>
        <a:lstStyle/>
        <a:p>
          <a:endParaRPr lang="en-US"/>
        </a:p>
      </dgm:t>
    </dgm:pt>
    <dgm:pt modelId="{A60B29A9-35D3-4285-A3A5-1F99BCBF5DDD}">
      <dgm:prSet/>
      <dgm:spPr/>
      <dgm:t>
        <a:bodyPr/>
        <a:lstStyle/>
        <a:p>
          <a:pPr>
            <a:defRPr cap="all"/>
          </a:pPr>
          <a:r>
            <a:rPr lang="en-US" b="1" i="0"/>
            <a:t>Strong Industry </a:t>
          </a:r>
          <a:r>
            <a:rPr lang="en-US" b="1"/>
            <a:t>Interest</a:t>
          </a:r>
          <a:endParaRPr lang="en-US"/>
        </a:p>
      </dgm:t>
    </dgm:pt>
    <dgm:pt modelId="{34F15105-7814-430E-9233-327E67146A93}" type="parTrans" cxnId="{3CA18AEB-6A43-4F79-B544-B0FBCA349C76}">
      <dgm:prSet/>
      <dgm:spPr/>
      <dgm:t>
        <a:bodyPr/>
        <a:lstStyle/>
        <a:p>
          <a:endParaRPr lang="en-US"/>
        </a:p>
      </dgm:t>
    </dgm:pt>
    <dgm:pt modelId="{E6025F4D-C04A-4D36-B269-D6A83246EA4C}" type="sibTrans" cxnId="{3CA18AEB-6A43-4F79-B544-B0FBCA349C76}">
      <dgm:prSet/>
      <dgm:spPr/>
      <dgm:t>
        <a:bodyPr/>
        <a:lstStyle/>
        <a:p>
          <a:endParaRPr lang="en-US"/>
        </a:p>
      </dgm:t>
    </dgm:pt>
    <dgm:pt modelId="{85DB21A0-1810-4B4F-9048-639D3518EC55}">
      <dgm:prSet/>
      <dgm:spPr/>
      <dgm:t>
        <a:bodyPr/>
        <a:lstStyle/>
        <a:p>
          <a:pPr>
            <a:defRPr cap="all"/>
          </a:pPr>
          <a:r>
            <a:rPr lang="en-US" b="1" i="0"/>
            <a:t>Shift in Warfare Dynamics</a:t>
          </a:r>
          <a:endParaRPr lang="en-US"/>
        </a:p>
      </dgm:t>
    </dgm:pt>
    <dgm:pt modelId="{08B85A4D-E54D-4B8E-90C4-E26EFCA5792A}" type="parTrans" cxnId="{16DBE718-CEC9-4841-955E-0CE45D1131FE}">
      <dgm:prSet/>
      <dgm:spPr/>
      <dgm:t>
        <a:bodyPr/>
        <a:lstStyle/>
        <a:p>
          <a:endParaRPr lang="en-US"/>
        </a:p>
      </dgm:t>
    </dgm:pt>
    <dgm:pt modelId="{F63976BA-4C8D-4858-8514-6B8EE9D63C51}" type="sibTrans" cxnId="{16DBE718-CEC9-4841-955E-0CE45D1131FE}">
      <dgm:prSet/>
      <dgm:spPr/>
      <dgm:t>
        <a:bodyPr/>
        <a:lstStyle/>
        <a:p>
          <a:endParaRPr lang="en-US"/>
        </a:p>
      </dgm:t>
    </dgm:pt>
    <dgm:pt modelId="{562133FC-7991-4FAA-BE7D-BBD848F396FE}">
      <dgm:prSet/>
      <dgm:spPr/>
      <dgm:t>
        <a:bodyPr/>
        <a:lstStyle/>
        <a:p>
          <a:pPr>
            <a:defRPr cap="all"/>
          </a:pPr>
          <a:r>
            <a:rPr lang="en-US" b="1" i="0"/>
            <a:t>Enhanced Border Security</a:t>
          </a:r>
          <a:endParaRPr lang="en-US"/>
        </a:p>
      </dgm:t>
    </dgm:pt>
    <dgm:pt modelId="{93EB3AC0-8C9A-4815-8C88-10363AE8CA14}" type="parTrans" cxnId="{E12FCAD7-18CC-4FFE-8102-CC43B0D1129C}">
      <dgm:prSet/>
      <dgm:spPr/>
      <dgm:t>
        <a:bodyPr/>
        <a:lstStyle/>
        <a:p>
          <a:endParaRPr lang="en-US"/>
        </a:p>
      </dgm:t>
    </dgm:pt>
    <dgm:pt modelId="{9812948B-4498-481C-A29A-48C6439E247C}" type="sibTrans" cxnId="{E12FCAD7-18CC-4FFE-8102-CC43B0D1129C}">
      <dgm:prSet/>
      <dgm:spPr/>
      <dgm:t>
        <a:bodyPr/>
        <a:lstStyle/>
        <a:p>
          <a:endParaRPr lang="en-US"/>
        </a:p>
      </dgm:t>
    </dgm:pt>
    <dgm:pt modelId="{54C2B102-706B-4D0C-87CC-AF19A3D13D30}">
      <dgm:prSet/>
      <dgm:spPr/>
      <dgm:t>
        <a:bodyPr/>
        <a:lstStyle/>
        <a:p>
          <a:pPr>
            <a:defRPr cap="all"/>
          </a:pPr>
          <a:r>
            <a:rPr lang="en-US" b="1" i="0"/>
            <a:t>Logistics and Warehouse Optimization</a:t>
          </a:r>
          <a:endParaRPr lang="en-US"/>
        </a:p>
      </dgm:t>
    </dgm:pt>
    <dgm:pt modelId="{1EAC2187-6596-4C99-9357-67129B73C9B3}" type="parTrans" cxnId="{5587D142-ED4E-417A-B766-D94AC11822A1}">
      <dgm:prSet/>
      <dgm:spPr/>
      <dgm:t>
        <a:bodyPr/>
        <a:lstStyle/>
        <a:p>
          <a:endParaRPr lang="en-US"/>
        </a:p>
      </dgm:t>
    </dgm:pt>
    <dgm:pt modelId="{FDB574FE-3683-41F1-9DC4-B8E378013798}" type="sibTrans" cxnId="{5587D142-ED4E-417A-B766-D94AC11822A1}">
      <dgm:prSet/>
      <dgm:spPr/>
      <dgm:t>
        <a:bodyPr/>
        <a:lstStyle/>
        <a:p>
          <a:endParaRPr lang="en-US"/>
        </a:p>
      </dgm:t>
    </dgm:pt>
    <dgm:pt modelId="{BF098820-E263-4939-B622-41683A651355}">
      <dgm:prSet/>
      <dgm:spPr/>
      <dgm:t>
        <a:bodyPr/>
        <a:lstStyle/>
        <a:p>
          <a:pPr>
            <a:defRPr cap="all"/>
          </a:pPr>
          <a:r>
            <a:rPr lang="en-US" b="1" i="0"/>
            <a:t>Integration with Robotic Components</a:t>
          </a:r>
          <a:endParaRPr lang="en-US"/>
        </a:p>
      </dgm:t>
    </dgm:pt>
    <dgm:pt modelId="{46570498-BBD5-4F06-B775-ACC7309E6937}" type="parTrans" cxnId="{E30C6814-0FA9-42A7-9425-550157D7E0EA}">
      <dgm:prSet/>
      <dgm:spPr/>
      <dgm:t>
        <a:bodyPr/>
        <a:lstStyle/>
        <a:p>
          <a:endParaRPr lang="en-US"/>
        </a:p>
      </dgm:t>
    </dgm:pt>
    <dgm:pt modelId="{3C7FAF48-C1F2-4076-BC81-4FC21416FCBA}" type="sibTrans" cxnId="{E30C6814-0FA9-42A7-9425-550157D7E0EA}">
      <dgm:prSet/>
      <dgm:spPr/>
      <dgm:t>
        <a:bodyPr/>
        <a:lstStyle/>
        <a:p>
          <a:endParaRPr lang="en-US"/>
        </a:p>
      </dgm:t>
    </dgm:pt>
    <dgm:pt modelId="{47D179E6-6D30-45F4-B435-62CDC63FE95C}" type="pres">
      <dgm:prSet presAssocID="{1E32632C-D427-4B3C-8B3A-0D4BB0314ECE}" presName="root" presStyleCnt="0">
        <dgm:presLayoutVars>
          <dgm:dir/>
          <dgm:resizeHandles val="exact"/>
        </dgm:presLayoutVars>
      </dgm:prSet>
      <dgm:spPr/>
    </dgm:pt>
    <dgm:pt modelId="{0A1D7AAC-3018-4801-89CB-95C6FBF7674B}" type="pres">
      <dgm:prSet presAssocID="{A60B29A9-35D3-4285-A3A5-1F99BCBF5DDD}" presName="compNode" presStyleCnt="0"/>
      <dgm:spPr/>
    </dgm:pt>
    <dgm:pt modelId="{CEA99762-BB50-415C-8118-D81370A3D4FF}" type="pres">
      <dgm:prSet presAssocID="{A60B29A9-35D3-4285-A3A5-1F99BCBF5DDD}" presName="iconBgRect" presStyleLbl="bgShp" presStyleIdx="0" presStyleCnt="5"/>
      <dgm:spPr/>
    </dgm:pt>
    <dgm:pt modelId="{E59E3129-BFEB-41E3-90A2-355F058D2FEB}" type="pres">
      <dgm:prSet presAssocID="{A60B29A9-35D3-4285-A3A5-1F99BCBF5DDD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Handshake"/>
        </a:ext>
      </dgm:extLst>
    </dgm:pt>
    <dgm:pt modelId="{961E6F16-FC78-4479-B0BB-67134E05B778}" type="pres">
      <dgm:prSet presAssocID="{A60B29A9-35D3-4285-A3A5-1F99BCBF5DDD}" presName="spaceRect" presStyleCnt="0"/>
      <dgm:spPr/>
    </dgm:pt>
    <dgm:pt modelId="{2428A05D-838E-4F19-87B2-68F620A53608}" type="pres">
      <dgm:prSet presAssocID="{A60B29A9-35D3-4285-A3A5-1F99BCBF5DDD}" presName="textRect" presStyleLbl="revTx" presStyleIdx="0" presStyleCnt="5">
        <dgm:presLayoutVars>
          <dgm:chMax val="1"/>
          <dgm:chPref val="1"/>
        </dgm:presLayoutVars>
      </dgm:prSet>
      <dgm:spPr/>
    </dgm:pt>
    <dgm:pt modelId="{89748502-9701-492B-9675-2C098ACCEB6E}" type="pres">
      <dgm:prSet presAssocID="{E6025F4D-C04A-4D36-B269-D6A83246EA4C}" presName="sibTrans" presStyleCnt="0"/>
      <dgm:spPr/>
    </dgm:pt>
    <dgm:pt modelId="{96B352AC-39B6-4B9E-9860-A1EEE5FDFE78}" type="pres">
      <dgm:prSet presAssocID="{85DB21A0-1810-4B4F-9048-639D3518EC55}" presName="compNode" presStyleCnt="0"/>
      <dgm:spPr/>
    </dgm:pt>
    <dgm:pt modelId="{2180DDBD-F429-48C1-A144-8B052DC76ABB}" type="pres">
      <dgm:prSet presAssocID="{85DB21A0-1810-4B4F-9048-639D3518EC55}" presName="iconBgRect" presStyleLbl="bgShp" presStyleIdx="1" presStyleCnt="5"/>
      <dgm:spPr/>
    </dgm:pt>
    <dgm:pt modelId="{3406B4D7-1E78-406A-BC3F-595A0CD1EAD8}" type="pres">
      <dgm:prSet presAssocID="{85DB21A0-1810-4B4F-9048-639D3518EC55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heckmark"/>
        </a:ext>
      </dgm:extLst>
    </dgm:pt>
    <dgm:pt modelId="{D1F83AF3-8FDE-4A7E-8136-3F13662EEBB7}" type="pres">
      <dgm:prSet presAssocID="{85DB21A0-1810-4B4F-9048-639D3518EC55}" presName="spaceRect" presStyleCnt="0"/>
      <dgm:spPr/>
    </dgm:pt>
    <dgm:pt modelId="{6FAE6DA4-C25F-4C29-9BE4-22FE807787B3}" type="pres">
      <dgm:prSet presAssocID="{85DB21A0-1810-4B4F-9048-639D3518EC55}" presName="textRect" presStyleLbl="revTx" presStyleIdx="1" presStyleCnt="5">
        <dgm:presLayoutVars>
          <dgm:chMax val="1"/>
          <dgm:chPref val="1"/>
        </dgm:presLayoutVars>
      </dgm:prSet>
      <dgm:spPr/>
    </dgm:pt>
    <dgm:pt modelId="{FE893A0F-4614-4CB4-B3FD-492F2DF6AB9F}" type="pres">
      <dgm:prSet presAssocID="{F63976BA-4C8D-4858-8514-6B8EE9D63C51}" presName="sibTrans" presStyleCnt="0"/>
      <dgm:spPr/>
    </dgm:pt>
    <dgm:pt modelId="{4DED6DCA-0CD3-42DD-8F7F-0638387AF103}" type="pres">
      <dgm:prSet presAssocID="{562133FC-7991-4FAA-BE7D-BBD848F396FE}" presName="compNode" presStyleCnt="0"/>
      <dgm:spPr/>
    </dgm:pt>
    <dgm:pt modelId="{60FBD191-2925-4D38-A9A0-1225CFABF38E}" type="pres">
      <dgm:prSet presAssocID="{562133FC-7991-4FAA-BE7D-BBD848F396FE}" presName="iconBgRect" presStyleLbl="bgShp" presStyleIdx="2" presStyleCnt="5"/>
      <dgm:spPr/>
    </dgm:pt>
    <dgm:pt modelId="{1AA31265-93BB-4E0E-810E-B638215DA632}" type="pres">
      <dgm:prSet presAssocID="{562133FC-7991-4FAA-BE7D-BBD848F396FE}" presName="iconRect" presStyleLbl="node1" presStyleIdx="2" presStyleCnt="5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Earth Globe Americas"/>
        </a:ext>
      </dgm:extLst>
    </dgm:pt>
    <dgm:pt modelId="{F75D0148-A8AB-4FB7-815C-D1A44E142C4A}" type="pres">
      <dgm:prSet presAssocID="{562133FC-7991-4FAA-BE7D-BBD848F396FE}" presName="spaceRect" presStyleCnt="0"/>
      <dgm:spPr/>
    </dgm:pt>
    <dgm:pt modelId="{FD3F7E4C-5F20-4038-BB93-77612EF01F94}" type="pres">
      <dgm:prSet presAssocID="{562133FC-7991-4FAA-BE7D-BBD848F396FE}" presName="textRect" presStyleLbl="revTx" presStyleIdx="2" presStyleCnt="5">
        <dgm:presLayoutVars>
          <dgm:chMax val="1"/>
          <dgm:chPref val="1"/>
        </dgm:presLayoutVars>
      </dgm:prSet>
      <dgm:spPr/>
    </dgm:pt>
    <dgm:pt modelId="{176DB242-719B-4611-926B-8BBDFF0D26D6}" type="pres">
      <dgm:prSet presAssocID="{9812948B-4498-481C-A29A-48C6439E247C}" presName="sibTrans" presStyleCnt="0"/>
      <dgm:spPr/>
    </dgm:pt>
    <dgm:pt modelId="{71FBF9ED-54DB-4F44-A347-BA76610C52C7}" type="pres">
      <dgm:prSet presAssocID="{54C2B102-706B-4D0C-87CC-AF19A3D13D30}" presName="compNode" presStyleCnt="0"/>
      <dgm:spPr/>
    </dgm:pt>
    <dgm:pt modelId="{9EE3F4B2-D90A-4BB9-88C9-E4F303E1850F}" type="pres">
      <dgm:prSet presAssocID="{54C2B102-706B-4D0C-87CC-AF19A3D13D30}" presName="iconBgRect" presStyleLbl="bgShp" presStyleIdx="3" presStyleCnt="5"/>
      <dgm:spPr/>
    </dgm:pt>
    <dgm:pt modelId="{FF8A75AF-D155-4A6B-8BB1-0DCD8570B8C2}" type="pres">
      <dgm:prSet presAssocID="{54C2B102-706B-4D0C-87CC-AF19A3D13D30}" presName="iconRect" presStyleLbl="node1" presStyleIdx="3" presStyleCnt="5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Truck"/>
        </a:ext>
      </dgm:extLst>
    </dgm:pt>
    <dgm:pt modelId="{1DCBB6F9-CFF1-4F74-A8EA-DCFD8F49AF1C}" type="pres">
      <dgm:prSet presAssocID="{54C2B102-706B-4D0C-87CC-AF19A3D13D30}" presName="spaceRect" presStyleCnt="0"/>
      <dgm:spPr/>
    </dgm:pt>
    <dgm:pt modelId="{448CDEDE-A6EB-47F3-9553-4F380ACF8D33}" type="pres">
      <dgm:prSet presAssocID="{54C2B102-706B-4D0C-87CC-AF19A3D13D30}" presName="textRect" presStyleLbl="revTx" presStyleIdx="3" presStyleCnt="5">
        <dgm:presLayoutVars>
          <dgm:chMax val="1"/>
          <dgm:chPref val="1"/>
        </dgm:presLayoutVars>
      </dgm:prSet>
      <dgm:spPr/>
    </dgm:pt>
    <dgm:pt modelId="{C5841E08-BF0A-4B5A-9682-A9713FEBA3B0}" type="pres">
      <dgm:prSet presAssocID="{FDB574FE-3683-41F1-9DC4-B8E378013798}" presName="sibTrans" presStyleCnt="0"/>
      <dgm:spPr/>
    </dgm:pt>
    <dgm:pt modelId="{F8A94080-A825-4AD2-9F5E-5D57F727D80B}" type="pres">
      <dgm:prSet presAssocID="{BF098820-E263-4939-B622-41683A651355}" presName="compNode" presStyleCnt="0"/>
      <dgm:spPr/>
    </dgm:pt>
    <dgm:pt modelId="{EABE8AB2-A49C-405D-BF1B-2FBBF9C48C79}" type="pres">
      <dgm:prSet presAssocID="{BF098820-E263-4939-B622-41683A651355}" presName="iconBgRect" presStyleLbl="bgShp" presStyleIdx="4" presStyleCnt="5"/>
      <dgm:spPr/>
    </dgm:pt>
    <dgm:pt modelId="{05F7B4F7-6CA4-4F02-881E-FCA4D367D65E}" type="pres">
      <dgm:prSet presAssocID="{BF098820-E263-4939-B622-41683A651355}" presName="iconRect" presStyleLbl="node1" presStyleIdx="4" presStyleCnt="5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ears"/>
        </a:ext>
      </dgm:extLst>
    </dgm:pt>
    <dgm:pt modelId="{6B390331-E3A3-4D22-945D-5E2AAE4C292C}" type="pres">
      <dgm:prSet presAssocID="{BF098820-E263-4939-B622-41683A651355}" presName="spaceRect" presStyleCnt="0"/>
      <dgm:spPr/>
    </dgm:pt>
    <dgm:pt modelId="{86A462AF-279C-4402-A2FA-77262E2B38D0}" type="pres">
      <dgm:prSet presAssocID="{BF098820-E263-4939-B622-41683A651355}" presName="textRect" presStyleLbl="revTx" presStyleIdx="4" presStyleCnt="5">
        <dgm:presLayoutVars>
          <dgm:chMax val="1"/>
          <dgm:chPref val="1"/>
        </dgm:presLayoutVars>
      </dgm:prSet>
      <dgm:spPr/>
    </dgm:pt>
  </dgm:ptLst>
  <dgm:cxnLst>
    <dgm:cxn modelId="{68575606-B0D6-47F4-9578-D2F0B27E284E}" type="presOf" srcId="{BF098820-E263-4939-B622-41683A651355}" destId="{86A462AF-279C-4402-A2FA-77262E2B38D0}" srcOrd="0" destOrd="0" presId="urn:microsoft.com/office/officeart/2018/5/layout/IconCircleLabelList"/>
    <dgm:cxn modelId="{E30C6814-0FA9-42A7-9425-550157D7E0EA}" srcId="{1E32632C-D427-4B3C-8B3A-0D4BB0314ECE}" destId="{BF098820-E263-4939-B622-41683A651355}" srcOrd="4" destOrd="0" parTransId="{46570498-BBD5-4F06-B775-ACC7309E6937}" sibTransId="{3C7FAF48-C1F2-4076-BC81-4FC21416FCBA}"/>
    <dgm:cxn modelId="{16DBE718-CEC9-4841-955E-0CE45D1131FE}" srcId="{1E32632C-D427-4B3C-8B3A-0D4BB0314ECE}" destId="{85DB21A0-1810-4B4F-9048-639D3518EC55}" srcOrd="1" destOrd="0" parTransId="{08B85A4D-E54D-4B8E-90C4-E26EFCA5792A}" sibTransId="{F63976BA-4C8D-4858-8514-6B8EE9D63C51}"/>
    <dgm:cxn modelId="{5587D142-ED4E-417A-B766-D94AC11822A1}" srcId="{1E32632C-D427-4B3C-8B3A-0D4BB0314ECE}" destId="{54C2B102-706B-4D0C-87CC-AF19A3D13D30}" srcOrd="3" destOrd="0" parTransId="{1EAC2187-6596-4C99-9357-67129B73C9B3}" sibTransId="{FDB574FE-3683-41F1-9DC4-B8E378013798}"/>
    <dgm:cxn modelId="{5C368F76-161C-4590-A226-96CBE523C388}" type="presOf" srcId="{1E32632C-D427-4B3C-8B3A-0D4BB0314ECE}" destId="{47D179E6-6D30-45F4-B435-62CDC63FE95C}" srcOrd="0" destOrd="0" presId="urn:microsoft.com/office/officeart/2018/5/layout/IconCircleLabelList"/>
    <dgm:cxn modelId="{C7285580-4A1E-4DF9-B668-8091A467AE14}" type="presOf" srcId="{85DB21A0-1810-4B4F-9048-639D3518EC55}" destId="{6FAE6DA4-C25F-4C29-9BE4-22FE807787B3}" srcOrd="0" destOrd="0" presId="urn:microsoft.com/office/officeart/2018/5/layout/IconCircleLabelList"/>
    <dgm:cxn modelId="{66ABEEB7-A69B-4271-B223-8287245B1128}" type="presOf" srcId="{562133FC-7991-4FAA-BE7D-BBD848F396FE}" destId="{FD3F7E4C-5F20-4038-BB93-77612EF01F94}" srcOrd="0" destOrd="0" presId="urn:microsoft.com/office/officeart/2018/5/layout/IconCircleLabelList"/>
    <dgm:cxn modelId="{A0657BBF-371E-4CEB-AE96-494828E3DFB9}" type="presOf" srcId="{A60B29A9-35D3-4285-A3A5-1F99BCBF5DDD}" destId="{2428A05D-838E-4F19-87B2-68F620A53608}" srcOrd="0" destOrd="0" presId="urn:microsoft.com/office/officeart/2018/5/layout/IconCircleLabelList"/>
    <dgm:cxn modelId="{E12FCAD7-18CC-4FFE-8102-CC43B0D1129C}" srcId="{1E32632C-D427-4B3C-8B3A-0D4BB0314ECE}" destId="{562133FC-7991-4FAA-BE7D-BBD848F396FE}" srcOrd="2" destOrd="0" parTransId="{93EB3AC0-8C9A-4815-8C88-10363AE8CA14}" sibTransId="{9812948B-4498-481C-A29A-48C6439E247C}"/>
    <dgm:cxn modelId="{3CA18AEB-6A43-4F79-B544-B0FBCA349C76}" srcId="{1E32632C-D427-4B3C-8B3A-0D4BB0314ECE}" destId="{A60B29A9-35D3-4285-A3A5-1F99BCBF5DDD}" srcOrd="0" destOrd="0" parTransId="{34F15105-7814-430E-9233-327E67146A93}" sibTransId="{E6025F4D-C04A-4D36-B269-D6A83246EA4C}"/>
    <dgm:cxn modelId="{C848E8F4-E02A-49C9-98BC-646349519015}" type="presOf" srcId="{54C2B102-706B-4D0C-87CC-AF19A3D13D30}" destId="{448CDEDE-A6EB-47F3-9553-4F380ACF8D33}" srcOrd="0" destOrd="0" presId="urn:microsoft.com/office/officeart/2018/5/layout/IconCircleLabelList"/>
    <dgm:cxn modelId="{ED7AA72D-508B-4807-AF40-6F48A95F1D26}" type="presParOf" srcId="{47D179E6-6D30-45F4-B435-62CDC63FE95C}" destId="{0A1D7AAC-3018-4801-89CB-95C6FBF7674B}" srcOrd="0" destOrd="0" presId="urn:microsoft.com/office/officeart/2018/5/layout/IconCircleLabelList"/>
    <dgm:cxn modelId="{3E6BB22A-0035-4C2E-A488-214238B8D8E0}" type="presParOf" srcId="{0A1D7AAC-3018-4801-89CB-95C6FBF7674B}" destId="{CEA99762-BB50-415C-8118-D81370A3D4FF}" srcOrd="0" destOrd="0" presId="urn:microsoft.com/office/officeart/2018/5/layout/IconCircleLabelList"/>
    <dgm:cxn modelId="{1347F828-9DBC-48D9-88AB-197A816312C1}" type="presParOf" srcId="{0A1D7AAC-3018-4801-89CB-95C6FBF7674B}" destId="{E59E3129-BFEB-41E3-90A2-355F058D2FEB}" srcOrd="1" destOrd="0" presId="urn:microsoft.com/office/officeart/2018/5/layout/IconCircleLabelList"/>
    <dgm:cxn modelId="{1DEFBA2B-A04A-4269-B690-778DE210A5E2}" type="presParOf" srcId="{0A1D7AAC-3018-4801-89CB-95C6FBF7674B}" destId="{961E6F16-FC78-4479-B0BB-67134E05B778}" srcOrd="2" destOrd="0" presId="urn:microsoft.com/office/officeart/2018/5/layout/IconCircleLabelList"/>
    <dgm:cxn modelId="{696FA66E-4D93-4C73-91F9-B4A51E8068D4}" type="presParOf" srcId="{0A1D7AAC-3018-4801-89CB-95C6FBF7674B}" destId="{2428A05D-838E-4F19-87B2-68F620A53608}" srcOrd="3" destOrd="0" presId="urn:microsoft.com/office/officeart/2018/5/layout/IconCircleLabelList"/>
    <dgm:cxn modelId="{9D285CED-6F83-4D8D-BF71-B924BD7991AF}" type="presParOf" srcId="{47D179E6-6D30-45F4-B435-62CDC63FE95C}" destId="{89748502-9701-492B-9675-2C098ACCEB6E}" srcOrd="1" destOrd="0" presId="urn:microsoft.com/office/officeart/2018/5/layout/IconCircleLabelList"/>
    <dgm:cxn modelId="{272C224F-4300-4281-BCBE-6CAB81160BAC}" type="presParOf" srcId="{47D179E6-6D30-45F4-B435-62CDC63FE95C}" destId="{96B352AC-39B6-4B9E-9860-A1EEE5FDFE78}" srcOrd="2" destOrd="0" presId="urn:microsoft.com/office/officeart/2018/5/layout/IconCircleLabelList"/>
    <dgm:cxn modelId="{A185A4F9-330C-461B-B7E2-CC1025386351}" type="presParOf" srcId="{96B352AC-39B6-4B9E-9860-A1EEE5FDFE78}" destId="{2180DDBD-F429-48C1-A144-8B052DC76ABB}" srcOrd="0" destOrd="0" presId="urn:microsoft.com/office/officeart/2018/5/layout/IconCircleLabelList"/>
    <dgm:cxn modelId="{04A89E24-92F4-4342-AB7C-806A67F638B4}" type="presParOf" srcId="{96B352AC-39B6-4B9E-9860-A1EEE5FDFE78}" destId="{3406B4D7-1E78-406A-BC3F-595A0CD1EAD8}" srcOrd="1" destOrd="0" presId="urn:microsoft.com/office/officeart/2018/5/layout/IconCircleLabelList"/>
    <dgm:cxn modelId="{2627BC20-B856-4208-BCBD-52CD25D5970C}" type="presParOf" srcId="{96B352AC-39B6-4B9E-9860-A1EEE5FDFE78}" destId="{D1F83AF3-8FDE-4A7E-8136-3F13662EEBB7}" srcOrd="2" destOrd="0" presId="urn:microsoft.com/office/officeart/2018/5/layout/IconCircleLabelList"/>
    <dgm:cxn modelId="{A9DA3DA1-B3C8-43E2-B51C-D32A797D7B0A}" type="presParOf" srcId="{96B352AC-39B6-4B9E-9860-A1EEE5FDFE78}" destId="{6FAE6DA4-C25F-4C29-9BE4-22FE807787B3}" srcOrd="3" destOrd="0" presId="urn:microsoft.com/office/officeart/2018/5/layout/IconCircleLabelList"/>
    <dgm:cxn modelId="{2C08F883-FC20-40E5-80BD-CB98FC43162E}" type="presParOf" srcId="{47D179E6-6D30-45F4-B435-62CDC63FE95C}" destId="{FE893A0F-4614-4CB4-B3FD-492F2DF6AB9F}" srcOrd="3" destOrd="0" presId="urn:microsoft.com/office/officeart/2018/5/layout/IconCircleLabelList"/>
    <dgm:cxn modelId="{BE5C9B20-7728-4AA1-B9C9-A1CAF9BF7328}" type="presParOf" srcId="{47D179E6-6D30-45F4-B435-62CDC63FE95C}" destId="{4DED6DCA-0CD3-42DD-8F7F-0638387AF103}" srcOrd="4" destOrd="0" presId="urn:microsoft.com/office/officeart/2018/5/layout/IconCircleLabelList"/>
    <dgm:cxn modelId="{873EDC0F-0C3D-4170-998D-D1E2DE2AADCC}" type="presParOf" srcId="{4DED6DCA-0CD3-42DD-8F7F-0638387AF103}" destId="{60FBD191-2925-4D38-A9A0-1225CFABF38E}" srcOrd="0" destOrd="0" presId="urn:microsoft.com/office/officeart/2018/5/layout/IconCircleLabelList"/>
    <dgm:cxn modelId="{4BA4F3E8-EC9B-427B-BC9D-2C20D63F84DA}" type="presParOf" srcId="{4DED6DCA-0CD3-42DD-8F7F-0638387AF103}" destId="{1AA31265-93BB-4E0E-810E-B638215DA632}" srcOrd="1" destOrd="0" presId="urn:microsoft.com/office/officeart/2018/5/layout/IconCircleLabelList"/>
    <dgm:cxn modelId="{A84AC58E-3FCD-4934-9C1C-D6003CBA6EE8}" type="presParOf" srcId="{4DED6DCA-0CD3-42DD-8F7F-0638387AF103}" destId="{F75D0148-A8AB-4FB7-815C-D1A44E142C4A}" srcOrd="2" destOrd="0" presId="urn:microsoft.com/office/officeart/2018/5/layout/IconCircleLabelList"/>
    <dgm:cxn modelId="{9E609716-957C-45B3-B7C0-ADA9F7B57377}" type="presParOf" srcId="{4DED6DCA-0CD3-42DD-8F7F-0638387AF103}" destId="{FD3F7E4C-5F20-4038-BB93-77612EF01F94}" srcOrd="3" destOrd="0" presId="urn:microsoft.com/office/officeart/2018/5/layout/IconCircleLabelList"/>
    <dgm:cxn modelId="{934FA28D-387E-4ADC-9BE2-5596973557B8}" type="presParOf" srcId="{47D179E6-6D30-45F4-B435-62CDC63FE95C}" destId="{176DB242-719B-4611-926B-8BBDFF0D26D6}" srcOrd="5" destOrd="0" presId="urn:microsoft.com/office/officeart/2018/5/layout/IconCircleLabelList"/>
    <dgm:cxn modelId="{685047C3-BF1D-4970-A4B2-A3A61CDFF62E}" type="presParOf" srcId="{47D179E6-6D30-45F4-B435-62CDC63FE95C}" destId="{71FBF9ED-54DB-4F44-A347-BA76610C52C7}" srcOrd="6" destOrd="0" presId="urn:microsoft.com/office/officeart/2018/5/layout/IconCircleLabelList"/>
    <dgm:cxn modelId="{2C77618F-49CF-40DE-BCB8-05FE2B34F436}" type="presParOf" srcId="{71FBF9ED-54DB-4F44-A347-BA76610C52C7}" destId="{9EE3F4B2-D90A-4BB9-88C9-E4F303E1850F}" srcOrd="0" destOrd="0" presId="urn:microsoft.com/office/officeart/2018/5/layout/IconCircleLabelList"/>
    <dgm:cxn modelId="{8FB66B89-527F-4353-B62B-20A8D0E23997}" type="presParOf" srcId="{71FBF9ED-54DB-4F44-A347-BA76610C52C7}" destId="{FF8A75AF-D155-4A6B-8BB1-0DCD8570B8C2}" srcOrd="1" destOrd="0" presId="urn:microsoft.com/office/officeart/2018/5/layout/IconCircleLabelList"/>
    <dgm:cxn modelId="{4F812B9D-4DB8-4C27-B334-A3CE56081163}" type="presParOf" srcId="{71FBF9ED-54DB-4F44-A347-BA76610C52C7}" destId="{1DCBB6F9-CFF1-4F74-A8EA-DCFD8F49AF1C}" srcOrd="2" destOrd="0" presId="urn:microsoft.com/office/officeart/2018/5/layout/IconCircleLabelList"/>
    <dgm:cxn modelId="{41788029-333C-4A78-9895-6AB5586BDBA2}" type="presParOf" srcId="{71FBF9ED-54DB-4F44-A347-BA76610C52C7}" destId="{448CDEDE-A6EB-47F3-9553-4F380ACF8D33}" srcOrd="3" destOrd="0" presId="urn:microsoft.com/office/officeart/2018/5/layout/IconCircleLabelList"/>
    <dgm:cxn modelId="{C0A99756-6343-4B85-A70C-BA8997F266A5}" type="presParOf" srcId="{47D179E6-6D30-45F4-B435-62CDC63FE95C}" destId="{C5841E08-BF0A-4B5A-9682-A9713FEBA3B0}" srcOrd="7" destOrd="0" presId="urn:microsoft.com/office/officeart/2018/5/layout/IconCircleLabelList"/>
    <dgm:cxn modelId="{52C12DD5-3B85-4D50-BABF-EAD6FD511389}" type="presParOf" srcId="{47D179E6-6D30-45F4-B435-62CDC63FE95C}" destId="{F8A94080-A825-4AD2-9F5E-5D57F727D80B}" srcOrd="8" destOrd="0" presId="urn:microsoft.com/office/officeart/2018/5/layout/IconCircleLabelList"/>
    <dgm:cxn modelId="{2B77FF3B-BB80-4DBF-810E-037F330026D6}" type="presParOf" srcId="{F8A94080-A825-4AD2-9F5E-5D57F727D80B}" destId="{EABE8AB2-A49C-405D-BF1B-2FBBF9C48C79}" srcOrd="0" destOrd="0" presId="urn:microsoft.com/office/officeart/2018/5/layout/IconCircleLabelList"/>
    <dgm:cxn modelId="{9FB925C3-C728-4C47-8743-874FD9C857BA}" type="presParOf" srcId="{F8A94080-A825-4AD2-9F5E-5D57F727D80B}" destId="{05F7B4F7-6CA4-4F02-881E-FCA4D367D65E}" srcOrd="1" destOrd="0" presId="urn:microsoft.com/office/officeart/2018/5/layout/IconCircleLabelList"/>
    <dgm:cxn modelId="{81B9BD03-76DF-4042-977C-4CDC494F9880}" type="presParOf" srcId="{F8A94080-A825-4AD2-9F5E-5D57F727D80B}" destId="{6B390331-E3A3-4D22-945D-5E2AAE4C292C}" srcOrd="2" destOrd="0" presId="urn:microsoft.com/office/officeart/2018/5/layout/IconCircleLabelList"/>
    <dgm:cxn modelId="{91B90817-989F-4869-ABB8-040F7E4E70E4}" type="presParOf" srcId="{F8A94080-A825-4AD2-9F5E-5D57F727D80B}" destId="{86A462AF-279C-4402-A2FA-77262E2B38D0}" srcOrd="3" destOrd="0" presId="urn:microsoft.com/office/officeart/2018/5/layout/IconCircle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196C833-9386-4FE7-AC78-8C19B26CC35E}">
      <dsp:nvSpPr>
        <dsp:cNvPr id="0" name=""/>
        <dsp:cNvSpPr/>
      </dsp:nvSpPr>
      <dsp:spPr>
        <a:xfrm>
          <a:off x="3080" y="587032"/>
          <a:ext cx="2444055" cy="1466433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b="1" i="0" kern="1200"/>
            <a:t>Modular Architecture</a:t>
          </a:r>
          <a:r>
            <a:rPr lang="en-US" sz="2700" b="0" i="0" kern="1200"/>
            <a:t>​</a:t>
          </a:r>
          <a:endParaRPr lang="en-US" sz="2700" kern="1200"/>
        </a:p>
      </dsp:txBody>
      <dsp:txXfrm>
        <a:off x="3080" y="587032"/>
        <a:ext cx="2444055" cy="1466433"/>
      </dsp:txXfrm>
    </dsp:sp>
    <dsp:sp modelId="{57E042BF-7742-434D-9018-5CAA1C9E7395}">
      <dsp:nvSpPr>
        <dsp:cNvPr id="0" name=""/>
        <dsp:cNvSpPr/>
      </dsp:nvSpPr>
      <dsp:spPr>
        <a:xfrm>
          <a:off x="2691541" y="587032"/>
          <a:ext cx="2444055" cy="1466433"/>
        </a:xfrm>
        <a:prstGeom prst="rect">
          <a:avLst/>
        </a:prstGeom>
        <a:solidFill>
          <a:schemeClr val="accent2">
            <a:hueOff val="-139687"/>
            <a:satOff val="-1610"/>
            <a:lumOff val="36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b="1" i="0" kern="1200"/>
            <a:t>Robust Documentation</a:t>
          </a:r>
          <a:r>
            <a:rPr lang="en-US" sz="2700" b="0" i="0" kern="1200"/>
            <a:t>​</a:t>
          </a:r>
          <a:endParaRPr lang="en-US" sz="2700" kern="1200"/>
        </a:p>
      </dsp:txBody>
      <dsp:txXfrm>
        <a:off x="2691541" y="587032"/>
        <a:ext cx="2444055" cy="1466433"/>
      </dsp:txXfrm>
    </dsp:sp>
    <dsp:sp modelId="{3BD61D58-A1F6-4FE4-BAC6-6AF01498C158}">
      <dsp:nvSpPr>
        <dsp:cNvPr id="0" name=""/>
        <dsp:cNvSpPr/>
      </dsp:nvSpPr>
      <dsp:spPr>
        <a:xfrm>
          <a:off x="5380002" y="587032"/>
          <a:ext cx="2444055" cy="1466433"/>
        </a:xfrm>
        <a:prstGeom prst="rect">
          <a:avLst/>
        </a:prstGeom>
        <a:solidFill>
          <a:schemeClr val="accent2">
            <a:hueOff val="-279374"/>
            <a:satOff val="-3219"/>
            <a:lumOff val="72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b="1" i="0" kern="1200"/>
            <a:t>Community Support</a:t>
          </a:r>
          <a:endParaRPr lang="en-US" sz="2700" kern="1200"/>
        </a:p>
      </dsp:txBody>
      <dsp:txXfrm>
        <a:off x="5380002" y="587032"/>
        <a:ext cx="2444055" cy="1466433"/>
      </dsp:txXfrm>
    </dsp:sp>
    <dsp:sp modelId="{7AF5E2C5-7D53-4B78-8982-1C6FEDB5A6A9}">
      <dsp:nvSpPr>
        <dsp:cNvPr id="0" name=""/>
        <dsp:cNvSpPr/>
      </dsp:nvSpPr>
      <dsp:spPr>
        <a:xfrm>
          <a:off x="8068463" y="587032"/>
          <a:ext cx="2444055" cy="1466433"/>
        </a:xfrm>
        <a:prstGeom prst="rect">
          <a:avLst/>
        </a:prstGeom>
        <a:solidFill>
          <a:schemeClr val="accent2">
            <a:hueOff val="-419062"/>
            <a:satOff val="-4829"/>
            <a:lumOff val="107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b="1" i="0" kern="1200"/>
            <a:t>Simulation Capabilities</a:t>
          </a:r>
          <a:r>
            <a:rPr lang="en-US" sz="2700" b="0" i="0" kern="1200"/>
            <a:t>​​</a:t>
          </a:r>
          <a:endParaRPr lang="en-US" sz="2700" kern="1200"/>
        </a:p>
      </dsp:txBody>
      <dsp:txXfrm>
        <a:off x="8068463" y="587032"/>
        <a:ext cx="2444055" cy="1466433"/>
      </dsp:txXfrm>
    </dsp:sp>
    <dsp:sp modelId="{EB144B5D-A7DE-464B-A44A-E3DD31087E84}">
      <dsp:nvSpPr>
        <dsp:cNvPr id="0" name=""/>
        <dsp:cNvSpPr/>
      </dsp:nvSpPr>
      <dsp:spPr>
        <a:xfrm>
          <a:off x="1347311" y="2297871"/>
          <a:ext cx="2444055" cy="1466433"/>
        </a:xfrm>
        <a:prstGeom prst="rect">
          <a:avLst/>
        </a:prstGeom>
        <a:solidFill>
          <a:schemeClr val="accent2">
            <a:hueOff val="-558749"/>
            <a:satOff val="-6439"/>
            <a:lumOff val="143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b="1" i="0" kern="1200"/>
            <a:t>Scalability</a:t>
          </a:r>
          <a:r>
            <a:rPr lang="en-US" sz="2700" b="0" i="0" kern="1200"/>
            <a:t>​</a:t>
          </a:r>
          <a:endParaRPr lang="en-US" sz="2700" kern="1200"/>
        </a:p>
      </dsp:txBody>
      <dsp:txXfrm>
        <a:off x="1347311" y="2297871"/>
        <a:ext cx="2444055" cy="1466433"/>
      </dsp:txXfrm>
    </dsp:sp>
    <dsp:sp modelId="{A5FAC37C-0CBC-4752-ACB9-BF996FF09AB2}">
      <dsp:nvSpPr>
        <dsp:cNvPr id="0" name=""/>
        <dsp:cNvSpPr/>
      </dsp:nvSpPr>
      <dsp:spPr>
        <a:xfrm>
          <a:off x="4035772" y="2297871"/>
          <a:ext cx="2444055" cy="1466433"/>
        </a:xfrm>
        <a:prstGeom prst="rect">
          <a:avLst/>
        </a:prstGeom>
        <a:solidFill>
          <a:schemeClr val="accent2">
            <a:hueOff val="-698436"/>
            <a:satOff val="-8048"/>
            <a:lumOff val="179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b="1" i="0" kern="1200"/>
            <a:t>Real-Time Performance</a:t>
          </a:r>
          <a:r>
            <a:rPr lang="en-US" sz="2700" b="0" i="0" kern="1200"/>
            <a:t>​</a:t>
          </a:r>
          <a:endParaRPr lang="en-US" sz="2700" kern="1200"/>
        </a:p>
      </dsp:txBody>
      <dsp:txXfrm>
        <a:off x="4035772" y="2297871"/>
        <a:ext cx="2444055" cy="1466433"/>
      </dsp:txXfrm>
    </dsp:sp>
    <dsp:sp modelId="{A0586C14-D50B-47AC-AA90-6F7E4089170B}">
      <dsp:nvSpPr>
        <dsp:cNvPr id="0" name=""/>
        <dsp:cNvSpPr/>
      </dsp:nvSpPr>
      <dsp:spPr>
        <a:xfrm>
          <a:off x="6724233" y="2297871"/>
          <a:ext cx="2444055" cy="1466433"/>
        </a:xfrm>
        <a:prstGeom prst="rect">
          <a:avLst/>
        </a:prstGeom>
        <a:solidFill>
          <a:schemeClr val="accent2">
            <a:hueOff val="-838123"/>
            <a:satOff val="-9658"/>
            <a:lumOff val="215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b="1" i="0" kern="1200"/>
            <a:t>Open Source</a:t>
          </a:r>
          <a:r>
            <a:rPr lang="en-US" sz="2700" b="0" i="0" kern="1200"/>
            <a:t>​</a:t>
          </a:r>
          <a:endParaRPr lang="en-US" sz="2700" kern="1200"/>
        </a:p>
      </dsp:txBody>
      <dsp:txXfrm>
        <a:off x="6724233" y="2297871"/>
        <a:ext cx="2444055" cy="146643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EA99762-BB50-415C-8118-D81370A3D4FF}">
      <dsp:nvSpPr>
        <dsp:cNvPr id="0" name=""/>
        <dsp:cNvSpPr/>
      </dsp:nvSpPr>
      <dsp:spPr>
        <a:xfrm>
          <a:off x="684914" y="1016402"/>
          <a:ext cx="1098000" cy="1098000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59E3129-BFEB-41E3-90A2-355F058D2FEB}">
      <dsp:nvSpPr>
        <dsp:cNvPr id="0" name=""/>
        <dsp:cNvSpPr/>
      </dsp:nvSpPr>
      <dsp:spPr>
        <a:xfrm>
          <a:off x="918914" y="1250402"/>
          <a:ext cx="630000" cy="63000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428A05D-838E-4F19-87B2-68F620A53608}">
      <dsp:nvSpPr>
        <dsp:cNvPr id="0" name=""/>
        <dsp:cNvSpPr/>
      </dsp:nvSpPr>
      <dsp:spPr>
        <a:xfrm>
          <a:off x="333914" y="2456402"/>
          <a:ext cx="1800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700" b="1" i="0" kern="1200"/>
            <a:t>Strong Industry </a:t>
          </a:r>
          <a:r>
            <a:rPr lang="en-US" sz="1700" b="1" kern="1200"/>
            <a:t>Interest</a:t>
          </a:r>
          <a:endParaRPr lang="en-US" sz="1700" kern="1200"/>
        </a:p>
      </dsp:txBody>
      <dsp:txXfrm>
        <a:off x="333914" y="2456402"/>
        <a:ext cx="1800000" cy="720000"/>
      </dsp:txXfrm>
    </dsp:sp>
    <dsp:sp modelId="{2180DDBD-F429-48C1-A144-8B052DC76ABB}">
      <dsp:nvSpPr>
        <dsp:cNvPr id="0" name=""/>
        <dsp:cNvSpPr/>
      </dsp:nvSpPr>
      <dsp:spPr>
        <a:xfrm>
          <a:off x="2799914" y="1016402"/>
          <a:ext cx="1098000" cy="1098000"/>
        </a:xfrm>
        <a:prstGeom prst="ellipse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406B4D7-1E78-406A-BC3F-595A0CD1EAD8}">
      <dsp:nvSpPr>
        <dsp:cNvPr id="0" name=""/>
        <dsp:cNvSpPr/>
      </dsp:nvSpPr>
      <dsp:spPr>
        <a:xfrm>
          <a:off x="3033914" y="1250402"/>
          <a:ext cx="630000" cy="63000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FAE6DA4-C25F-4C29-9BE4-22FE807787B3}">
      <dsp:nvSpPr>
        <dsp:cNvPr id="0" name=""/>
        <dsp:cNvSpPr/>
      </dsp:nvSpPr>
      <dsp:spPr>
        <a:xfrm>
          <a:off x="2448914" y="2456402"/>
          <a:ext cx="1800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700" b="1" i="0" kern="1200"/>
            <a:t>Shift in Warfare Dynamics</a:t>
          </a:r>
          <a:endParaRPr lang="en-US" sz="1700" kern="1200"/>
        </a:p>
      </dsp:txBody>
      <dsp:txXfrm>
        <a:off x="2448914" y="2456402"/>
        <a:ext cx="1800000" cy="720000"/>
      </dsp:txXfrm>
    </dsp:sp>
    <dsp:sp modelId="{60FBD191-2925-4D38-A9A0-1225CFABF38E}">
      <dsp:nvSpPr>
        <dsp:cNvPr id="0" name=""/>
        <dsp:cNvSpPr/>
      </dsp:nvSpPr>
      <dsp:spPr>
        <a:xfrm>
          <a:off x="4914914" y="1016402"/>
          <a:ext cx="1098000" cy="1098000"/>
        </a:xfrm>
        <a:prstGeom prst="ellipse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AA31265-93BB-4E0E-810E-B638215DA632}">
      <dsp:nvSpPr>
        <dsp:cNvPr id="0" name=""/>
        <dsp:cNvSpPr/>
      </dsp:nvSpPr>
      <dsp:spPr>
        <a:xfrm>
          <a:off x="5148914" y="1250402"/>
          <a:ext cx="630000" cy="63000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D3F7E4C-5F20-4038-BB93-77612EF01F94}">
      <dsp:nvSpPr>
        <dsp:cNvPr id="0" name=""/>
        <dsp:cNvSpPr/>
      </dsp:nvSpPr>
      <dsp:spPr>
        <a:xfrm>
          <a:off x="4563914" y="2456402"/>
          <a:ext cx="1800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700" b="1" i="0" kern="1200"/>
            <a:t>Enhanced Border Security</a:t>
          </a:r>
          <a:endParaRPr lang="en-US" sz="1700" kern="1200"/>
        </a:p>
      </dsp:txBody>
      <dsp:txXfrm>
        <a:off x="4563914" y="2456402"/>
        <a:ext cx="1800000" cy="720000"/>
      </dsp:txXfrm>
    </dsp:sp>
    <dsp:sp modelId="{9EE3F4B2-D90A-4BB9-88C9-E4F303E1850F}">
      <dsp:nvSpPr>
        <dsp:cNvPr id="0" name=""/>
        <dsp:cNvSpPr/>
      </dsp:nvSpPr>
      <dsp:spPr>
        <a:xfrm>
          <a:off x="7029914" y="1016402"/>
          <a:ext cx="1098000" cy="1098000"/>
        </a:xfrm>
        <a:prstGeom prst="ellips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F8A75AF-D155-4A6B-8BB1-0DCD8570B8C2}">
      <dsp:nvSpPr>
        <dsp:cNvPr id="0" name=""/>
        <dsp:cNvSpPr/>
      </dsp:nvSpPr>
      <dsp:spPr>
        <a:xfrm>
          <a:off x="7263914" y="1250402"/>
          <a:ext cx="630000" cy="630000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48CDEDE-A6EB-47F3-9553-4F380ACF8D33}">
      <dsp:nvSpPr>
        <dsp:cNvPr id="0" name=""/>
        <dsp:cNvSpPr/>
      </dsp:nvSpPr>
      <dsp:spPr>
        <a:xfrm>
          <a:off x="6678914" y="2456402"/>
          <a:ext cx="1800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700" b="1" i="0" kern="1200"/>
            <a:t>Logistics and Warehouse Optimization</a:t>
          </a:r>
          <a:endParaRPr lang="en-US" sz="1700" kern="1200"/>
        </a:p>
      </dsp:txBody>
      <dsp:txXfrm>
        <a:off x="6678914" y="2456402"/>
        <a:ext cx="1800000" cy="720000"/>
      </dsp:txXfrm>
    </dsp:sp>
    <dsp:sp modelId="{EABE8AB2-A49C-405D-BF1B-2FBBF9C48C79}">
      <dsp:nvSpPr>
        <dsp:cNvPr id="0" name=""/>
        <dsp:cNvSpPr/>
      </dsp:nvSpPr>
      <dsp:spPr>
        <a:xfrm>
          <a:off x="9144914" y="1016402"/>
          <a:ext cx="1098000" cy="1098000"/>
        </a:xfrm>
        <a:prstGeom prst="ellipse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5F7B4F7-6CA4-4F02-881E-FCA4D367D65E}">
      <dsp:nvSpPr>
        <dsp:cNvPr id="0" name=""/>
        <dsp:cNvSpPr/>
      </dsp:nvSpPr>
      <dsp:spPr>
        <a:xfrm>
          <a:off x="9378914" y="1250402"/>
          <a:ext cx="630000" cy="630000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6A462AF-279C-4402-A2FA-77262E2B38D0}">
      <dsp:nvSpPr>
        <dsp:cNvPr id="0" name=""/>
        <dsp:cNvSpPr/>
      </dsp:nvSpPr>
      <dsp:spPr>
        <a:xfrm>
          <a:off x="8793914" y="2456402"/>
          <a:ext cx="1800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1700" b="1" i="0" kern="1200"/>
            <a:t>Integration with Robotic Components</a:t>
          </a:r>
          <a:endParaRPr lang="en-US" sz="1700" kern="1200"/>
        </a:p>
      </dsp:txBody>
      <dsp:txXfrm>
        <a:off x="8793914" y="2456402"/>
        <a:ext cx="1800000" cy="7200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18/5/layout/IconCircleLabelList">
  <dgm:title val="Icon Circle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ellipse" r:blip="">
            <dgm:adjLst/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LT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7AF6D82-066C-FA4D-8270-4E3B76B0A85B}" type="datetimeFigureOut">
              <a:t>5/21/2025</a:t>
            </a:fld>
            <a:endParaRPr lang="en-LT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LT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L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L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BE92847-51ED-1449-A9AF-8F855167E8E6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281350984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BE92847-51ED-1449-A9AF-8F855167E8E6}" type="slidenum">
              <a:t>2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47096498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BE92847-51ED-1449-A9AF-8F855167E8E6}" type="slidenum">
              <a:t>4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26591159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BE92847-51ED-1449-A9AF-8F855167E8E6}" type="slidenum">
              <a:t>5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11056707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BE92847-51ED-1449-A9AF-8F855167E8E6}" type="slidenum">
              <a:rPr lang="en-LT"/>
              <a:t>7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1510746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BE92847-51ED-1449-A9AF-8F855167E8E6}" type="slidenum">
              <a:t>15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97887175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BE92847-51ED-1449-A9AF-8F855167E8E6}" type="slidenum">
              <a:t>20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367428037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BE92847-51ED-1449-A9AF-8F855167E8E6}" type="slidenum">
              <a:rPr lang="en-LT"/>
              <a:t>22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340174527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BE92847-51ED-1449-A9AF-8F855167E8E6}" type="slidenum">
              <a:t>31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190368721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7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9" name="Google Shape;679;p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680" name="Google Shape;680;p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82558510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FBE682-BC13-E443-B955-4FA79FB3F16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LT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343E81D-F660-B04A-A02A-7771D9835F5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LT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20CAD2-F4B0-6D4F-A3DB-59C0869B6D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11AEAF-B415-46B6-87F2-C7FD131197D2}" type="datetime1">
              <a:rPr lang="en-US" smtClean="0"/>
              <a:t>5/21/2025</a:t>
            </a:fld>
            <a:endParaRPr lang="en-L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559959-8F63-1C46-9846-971A9FA824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04FAE86-30FA-9842-986E-368BD12DB9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8105200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E1BE3B-CFC3-5A4C-B7F9-83501BEBB5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LT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F6FE2E7-8408-F64E-AC06-6E9B1F7B6D3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LT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6B17EA7-EDC0-674E-87AF-81F0CC4A47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B987B6-EF9B-417D-871F-797213D7256A}" type="datetime1">
              <a:rPr lang="en-US" smtClean="0"/>
              <a:t>5/21/2025</a:t>
            </a:fld>
            <a:endParaRPr lang="en-L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5A66A1F-640A-DD4A-8A62-FC15E9D3F5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9ED5553-91F0-6547-ABB8-D9C439CB0D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308699933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 4">
  <p:cSld name="Title only 4">
    <p:bg>
      <p:bgPr>
        <a:solidFill>
          <a:schemeClr val="lt2"/>
        </a:solidFill>
        <a:effectLst/>
      </p:bgPr>
    </p:bg>
    <p:spTree>
      <p:nvGrpSpPr>
        <p:cNvPr id="1" name="Shape 3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7" name="Google Shape;367;p22"/>
          <p:cNvSpPr txBox="1">
            <a:spLocks noGrp="1"/>
          </p:cNvSpPr>
          <p:nvPr>
            <p:ph type="title"/>
          </p:nvPr>
        </p:nvSpPr>
        <p:spPr>
          <a:xfrm>
            <a:off x="950967" y="719333"/>
            <a:ext cx="10345600" cy="8172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SzPts val="36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2800"/>
              <a:buNone/>
              <a:defRPr>
                <a:latin typeface="Lato"/>
                <a:ea typeface="Lato"/>
                <a:cs typeface="Lato"/>
                <a:sym typeface="Lato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SzPts val="2800"/>
              <a:buNone/>
              <a:defRPr>
                <a:latin typeface="Lato"/>
                <a:ea typeface="Lato"/>
                <a:cs typeface="Lato"/>
                <a:sym typeface="Lato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SzPts val="2800"/>
              <a:buNone/>
              <a:defRPr>
                <a:latin typeface="Lato"/>
                <a:ea typeface="Lato"/>
                <a:cs typeface="Lato"/>
                <a:sym typeface="Lato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SzPts val="2800"/>
              <a:buNone/>
              <a:defRPr>
                <a:latin typeface="Lato"/>
                <a:ea typeface="Lato"/>
                <a:cs typeface="Lato"/>
                <a:sym typeface="Lato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SzPts val="2800"/>
              <a:buNone/>
              <a:defRPr>
                <a:latin typeface="Lato"/>
                <a:ea typeface="Lato"/>
                <a:cs typeface="Lato"/>
                <a:sym typeface="Lato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SzPts val="2800"/>
              <a:buNone/>
              <a:defRPr>
                <a:latin typeface="Lato"/>
                <a:ea typeface="Lato"/>
                <a:cs typeface="Lato"/>
                <a:sym typeface="Lato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SzPts val="2800"/>
              <a:buNone/>
              <a:defRPr>
                <a:latin typeface="Lato"/>
                <a:ea typeface="Lato"/>
                <a:cs typeface="Lato"/>
                <a:sym typeface="Lato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SzPts val="2800"/>
              <a:buNone/>
              <a:defRPr>
                <a:latin typeface="Lato"/>
                <a:ea typeface="Lato"/>
                <a:cs typeface="Lato"/>
                <a:sym typeface="Lato"/>
              </a:defRPr>
            </a:lvl9pPr>
          </a:lstStyle>
          <a:p>
            <a:endParaRPr/>
          </a:p>
        </p:txBody>
      </p:sp>
      <p:grpSp>
        <p:nvGrpSpPr>
          <p:cNvPr id="368" name="Google Shape;368;p22"/>
          <p:cNvGrpSpPr/>
          <p:nvPr/>
        </p:nvGrpSpPr>
        <p:grpSpPr>
          <a:xfrm flipH="1">
            <a:off x="11022323" y="5780434"/>
            <a:ext cx="5109751" cy="480767"/>
            <a:chOff x="1518200" y="4742325"/>
            <a:chExt cx="1982675" cy="133675"/>
          </a:xfrm>
        </p:grpSpPr>
        <p:sp>
          <p:nvSpPr>
            <p:cNvPr id="369" name="Google Shape;369;p22"/>
            <p:cNvSpPr/>
            <p:nvPr/>
          </p:nvSpPr>
          <p:spPr>
            <a:xfrm>
              <a:off x="1545800" y="4805200"/>
              <a:ext cx="1946275" cy="70800"/>
            </a:xfrm>
            <a:custGeom>
              <a:avLst/>
              <a:gdLst/>
              <a:ahLst/>
              <a:cxnLst/>
              <a:rect l="l" t="t" r="r" b="b"/>
              <a:pathLst>
                <a:path w="77851" h="2832" extrusionOk="0">
                  <a:moveTo>
                    <a:pt x="73102" y="1"/>
                  </a:moveTo>
                  <a:lnTo>
                    <a:pt x="70389" y="2713"/>
                  </a:lnTo>
                  <a:lnTo>
                    <a:pt x="1" y="2713"/>
                  </a:lnTo>
                  <a:lnTo>
                    <a:pt x="1" y="2831"/>
                  </a:lnTo>
                  <a:lnTo>
                    <a:pt x="70438" y="2831"/>
                  </a:lnTo>
                  <a:lnTo>
                    <a:pt x="73152" y="118"/>
                  </a:lnTo>
                  <a:lnTo>
                    <a:pt x="77850" y="118"/>
                  </a:lnTo>
                  <a:lnTo>
                    <a:pt x="77850" y="1"/>
                  </a:lnTo>
                  <a:close/>
                </a:path>
              </a:pathLst>
            </a:custGeom>
            <a:solidFill>
              <a:schemeClr val="lt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370" name="Google Shape;370;p22"/>
            <p:cNvSpPr/>
            <p:nvPr/>
          </p:nvSpPr>
          <p:spPr>
            <a:xfrm>
              <a:off x="3483250" y="4797875"/>
              <a:ext cx="17625" cy="17600"/>
            </a:xfrm>
            <a:custGeom>
              <a:avLst/>
              <a:gdLst/>
              <a:ahLst/>
              <a:cxnLst/>
              <a:rect l="l" t="t" r="r" b="b"/>
              <a:pathLst>
                <a:path w="705" h="704" extrusionOk="0">
                  <a:moveTo>
                    <a:pt x="352" y="0"/>
                  </a:moveTo>
                  <a:cubicBezTo>
                    <a:pt x="158" y="0"/>
                    <a:pt x="0" y="158"/>
                    <a:pt x="0" y="352"/>
                  </a:cubicBezTo>
                  <a:cubicBezTo>
                    <a:pt x="0" y="547"/>
                    <a:pt x="158" y="704"/>
                    <a:pt x="352" y="704"/>
                  </a:cubicBezTo>
                  <a:cubicBezTo>
                    <a:pt x="547" y="704"/>
                    <a:pt x="704" y="547"/>
                    <a:pt x="704" y="352"/>
                  </a:cubicBezTo>
                  <a:cubicBezTo>
                    <a:pt x="704" y="158"/>
                    <a:pt x="547" y="0"/>
                    <a:pt x="352" y="0"/>
                  </a:cubicBezTo>
                  <a:close/>
                </a:path>
              </a:pathLst>
            </a:custGeom>
            <a:solidFill>
              <a:schemeClr val="lt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371" name="Google Shape;371;p22"/>
            <p:cNvSpPr/>
            <p:nvPr/>
          </p:nvSpPr>
          <p:spPr>
            <a:xfrm>
              <a:off x="1518200" y="4750075"/>
              <a:ext cx="1859750" cy="92025"/>
            </a:xfrm>
            <a:custGeom>
              <a:avLst/>
              <a:gdLst/>
              <a:ahLst/>
              <a:cxnLst/>
              <a:rect l="l" t="t" r="r" b="b"/>
              <a:pathLst>
                <a:path w="74390" h="3681" extrusionOk="0">
                  <a:moveTo>
                    <a:pt x="74306" y="1"/>
                  </a:moveTo>
                  <a:lnTo>
                    <a:pt x="70745" y="3562"/>
                  </a:lnTo>
                  <a:lnTo>
                    <a:pt x="0" y="3562"/>
                  </a:lnTo>
                  <a:lnTo>
                    <a:pt x="0" y="3680"/>
                  </a:lnTo>
                  <a:lnTo>
                    <a:pt x="70794" y="3680"/>
                  </a:lnTo>
                  <a:lnTo>
                    <a:pt x="74390" y="85"/>
                  </a:lnTo>
                  <a:lnTo>
                    <a:pt x="74306" y="1"/>
                  </a:lnTo>
                  <a:close/>
                </a:path>
              </a:pathLst>
            </a:custGeom>
            <a:solidFill>
              <a:schemeClr val="lt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372" name="Google Shape;372;p22"/>
            <p:cNvSpPr/>
            <p:nvPr/>
          </p:nvSpPr>
          <p:spPr>
            <a:xfrm>
              <a:off x="3368075" y="4742325"/>
              <a:ext cx="17625" cy="17625"/>
            </a:xfrm>
            <a:custGeom>
              <a:avLst/>
              <a:gdLst/>
              <a:ahLst/>
              <a:cxnLst/>
              <a:rect l="l" t="t" r="r" b="b"/>
              <a:pathLst>
                <a:path w="705" h="705" extrusionOk="0">
                  <a:moveTo>
                    <a:pt x="353" y="1"/>
                  </a:moveTo>
                  <a:cubicBezTo>
                    <a:pt x="159" y="1"/>
                    <a:pt x="1" y="159"/>
                    <a:pt x="1" y="353"/>
                  </a:cubicBezTo>
                  <a:cubicBezTo>
                    <a:pt x="1" y="548"/>
                    <a:pt x="159" y="705"/>
                    <a:pt x="353" y="705"/>
                  </a:cubicBezTo>
                  <a:cubicBezTo>
                    <a:pt x="547" y="705"/>
                    <a:pt x="705" y="548"/>
                    <a:pt x="705" y="353"/>
                  </a:cubicBezTo>
                  <a:cubicBezTo>
                    <a:pt x="705" y="159"/>
                    <a:pt x="547" y="1"/>
                    <a:pt x="353" y="1"/>
                  </a:cubicBezTo>
                  <a:close/>
                </a:path>
              </a:pathLst>
            </a:custGeom>
            <a:solidFill>
              <a:schemeClr val="lt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</p:grpSp>
      <p:grpSp>
        <p:nvGrpSpPr>
          <p:cNvPr id="373" name="Google Shape;373;p22"/>
          <p:cNvGrpSpPr/>
          <p:nvPr/>
        </p:nvGrpSpPr>
        <p:grpSpPr>
          <a:xfrm>
            <a:off x="950967" y="6154500"/>
            <a:ext cx="1238067" cy="132445"/>
            <a:chOff x="7596525" y="772450"/>
            <a:chExt cx="928550" cy="99334"/>
          </a:xfrm>
        </p:grpSpPr>
        <p:sp>
          <p:nvSpPr>
            <p:cNvPr id="374" name="Google Shape;374;p22"/>
            <p:cNvSpPr/>
            <p:nvPr/>
          </p:nvSpPr>
          <p:spPr>
            <a:xfrm>
              <a:off x="7596525" y="772450"/>
              <a:ext cx="33863" cy="99334"/>
            </a:xfrm>
            <a:custGeom>
              <a:avLst/>
              <a:gdLst/>
              <a:ahLst/>
              <a:cxnLst/>
              <a:rect l="l" t="t" r="r" b="b"/>
              <a:pathLst>
                <a:path w="195" h="572" extrusionOk="0">
                  <a:moveTo>
                    <a:pt x="0" y="0"/>
                  </a:moveTo>
                  <a:lnTo>
                    <a:pt x="0" y="571"/>
                  </a:lnTo>
                  <a:lnTo>
                    <a:pt x="195" y="571"/>
                  </a:lnTo>
                  <a:lnTo>
                    <a:pt x="195" y="0"/>
                  </a:lnTo>
                  <a:close/>
                </a:path>
              </a:pathLst>
            </a:custGeom>
            <a:solidFill>
              <a:schemeClr val="dk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375" name="Google Shape;375;p22"/>
            <p:cNvSpPr/>
            <p:nvPr/>
          </p:nvSpPr>
          <p:spPr>
            <a:xfrm>
              <a:off x="7775914" y="772450"/>
              <a:ext cx="33863" cy="99334"/>
            </a:xfrm>
            <a:custGeom>
              <a:avLst/>
              <a:gdLst/>
              <a:ahLst/>
              <a:cxnLst/>
              <a:rect l="l" t="t" r="r" b="b"/>
              <a:pathLst>
                <a:path w="195" h="572" extrusionOk="0">
                  <a:moveTo>
                    <a:pt x="0" y="0"/>
                  </a:moveTo>
                  <a:lnTo>
                    <a:pt x="0" y="571"/>
                  </a:lnTo>
                  <a:lnTo>
                    <a:pt x="195" y="571"/>
                  </a:lnTo>
                  <a:lnTo>
                    <a:pt x="195" y="0"/>
                  </a:lnTo>
                  <a:close/>
                </a:path>
              </a:pathLst>
            </a:custGeom>
            <a:solidFill>
              <a:schemeClr val="dk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376" name="Google Shape;376;p22"/>
            <p:cNvSpPr/>
            <p:nvPr/>
          </p:nvSpPr>
          <p:spPr>
            <a:xfrm>
              <a:off x="7864827" y="772450"/>
              <a:ext cx="34037" cy="99334"/>
            </a:xfrm>
            <a:custGeom>
              <a:avLst/>
              <a:gdLst/>
              <a:ahLst/>
              <a:cxnLst/>
              <a:rect l="l" t="t" r="r" b="b"/>
              <a:pathLst>
                <a:path w="196" h="572" extrusionOk="0">
                  <a:moveTo>
                    <a:pt x="1" y="0"/>
                  </a:moveTo>
                  <a:lnTo>
                    <a:pt x="1" y="571"/>
                  </a:lnTo>
                  <a:lnTo>
                    <a:pt x="195" y="571"/>
                  </a:lnTo>
                  <a:lnTo>
                    <a:pt x="195" y="0"/>
                  </a:lnTo>
                  <a:close/>
                </a:path>
              </a:pathLst>
            </a:custGeom>
            <a:solidFill>
              <a:schemeClr val="dk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377" name="Google Shape;377;p22"/>
            <p:cNvSpPr/>
            <p:nvPr/>
          </p:nvSpPr>
          <p:spPr>
            <a:xfrm>
              <a:off x="7954087" y="772450"/>
              <a:ext cx="33863" cy="99334"/>
            </a:xfrm>
            <a:custGeom>
              <a:avLst/>
              <a:gdLst/>
              <a:ahLst/>
              <a:cxnLst/>
              <a:rect l="l" t="t" r="r" b="b"/>
              <a:pathLst>
                <a:path w="195" h="572" extrusionOk="0">
                  <a:moveTo>
                    <a:pt x="0" y="0"/>
                  </a:moveTo>
                  <a:lnTo>
                    <a:pt x="0" y="571"/>
                  </a:lnTo>
                  <a:lnTo>
                    <a:pt x="195" y="571"/>
                  </a:lnTo>
                  <a:lnTo>
                    <a:pt x="195" y="0"/>
                  </a:lnTo>
                  <a:close/>
                </a:path>
              </a:pathLst>
            </a:custGeom>
            <a:solidFill>
              <a:schemeClr val="dk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378" name="Google Shape;378;p22"/>
            <p:cNvSpPr/>
            <p:nvPr/>
          </p:nvSpPr>
          <p:spPr>
            <a:xfrm>
              <a:off x="8049252" y="772450"/>
              <a:ext cx="34037" cy="99334"/>
            </a:xfrm>
            <a:custGeom>
              <a:avLst/>
              <a:gdLst/>
              <a:ahLst/>
              <a:cxnLst/>
              <a:rect l="l" t="t" r="r" b="b"/>
              <a:pathLst>
                <a:path w="196" h="572" extrusionOk="0">
                  <a:moveTo>
                    <a:pt x="0" y="0"/>
                  </a:moveTo>
                  <a:lnTo>
                    <a:pt x="0" y="571"/>
                  </a:lnTo>
                  <a:lnTo>
                    <a:pt x="195" y="571"/>
                  </a:lnTo>
                  <a:lnTo>
                    <a:pt x="195" y="0"/>
                  </a:lnTo>
                  <a:close/>
                </a:path>
              </a:pathLst>
            </a:custGeom>
            <a:solidFill>
              <a:schemeClr val="dk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379" name="Google Shape;379;p22"/>
            <p:cNvSpPr/>
            <p:nvPr/>
          </p:nvSpPr>
          <p:spPr>
            <a:xfrm>
              <a:off x="8120278" y="772450"/>
              <a:ext cx="34037" cy="99334"/>
            </a:xfrm>
            <a:custGeom>
              <a:avLst/>
              <a:gdLst/>
              <a:ahLst/>
              <a:cxnLst/>
              <a:rect l="l" t="t" r="r" b="b"/>
              <a:pathLst>
                <a:path w="196" h="572" extrusionOk="0">
                  <a:moveTo>
                    <a:pt x="1" y="0"/>
                  </a:moveTo>
                  <a:lnTo>
                    <a:pt x="1" y="571"/>
                  </a:lnTo>
                  <a:lnTo>
                    <a:pt x="196" y="571"/>
                  </a:lnTo>
                  <a:lnTo>
                    <a:pt x="196" y="0"/>
                  </a:lnTo>
                  <a:close/>
                </a:path>
              </a:pathLst>
            </a:custGeom>
            <a:solidFill>
              <a:schemeClr val="dk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380" name="Google Shape;380;p22"/>
            <p:cNvSpPr/>
            <p:nvPr/>
          </p:nvSpPr>
          <p:spPr>
            <a:xfrm>
              <a:off x="8408377" y="772450"/>
              <a:ext cx="33690" cy="99334"/>
            </a:xfrm>
            <a:custGeom>
              <a:avLst/>
              <a:gdLst/>
              <a:ahLst/>
              <a:cxnLst/>
              <a:rect l="l" t="t" r="r" b="b"/>
              <a:pathLst>
                <a:path w="194" h="572" extrusionOk="0">
                  <a:moveTo>
                    <a:pt x="0" y="0"/>
                  </a:moveTo>
                  <a:lnTo>
                    <a:pt x="0" y="571"/>
                  </a:lnTo>
                  <a:lnTo>
                    <a:pt x="194" y="571"/>
                  </a:lnTo>
                  <a:lnTo>
                    <a:pt x="194" y="0"/>
                  </a:lnTo>
                  <a:close/>
                </a:path>
              </a:pathLst>
            </a:custGeom>
            <a:solidFill>
              <a:schemeClr val="dk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381" name="Google Shape;381;p22"/>
            <p:cNvSpPr/>
            <p:nvPr/>
          </p:nvSpPr>
          <p:spPr>
            <a:xfrm>
              <a:off x="8238713" y="772450"/>
              <a:ext cx="34037" cy="99334"/>
            </a:xfrm>
            <a:custGeom>
              <a:avLst/>
              <a:gdLst/>
              <a:ahLst/>
              <a:cxnLst/>
              <a:rect l="l" t="t" r="r" b="b"/>
              <a:pathLst>
                <a:path w="196" h="572" extrusionOk="0">
                  <a:moveTo>
                    <a:pt x="1" y="0"/>
                  </a:moveTo>
                  <a:lnTo>
                    <a:pt x="1" y="571"/>
                  </a:lnTo>
                  <a:lnTo>
                    <a:pt x="196" y="571"/>
                  </a:lnTo>
                  <a:lnTo>
                    <a:pt x="196" y="0"/>
                  </a:lnTo>
                  <a:close/>
                </a:path>
              </a:pathLst>
            </a:custGeom>
            <a:solidFill>
              <a:schemeClr val="dk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382" name="Google Shape;382;p22"/>
            <p:cNvSpPr/>
            <p:nvPr/>
          </p:nvSpPr>
          <p:spPr>
            <a:xfrm>
              <a:off x="8491038" y="772450"/>
              <a:ext cx="34037" cy="99334"/>
            </a:xfrm>
            <a:custGeom>
              <a:avLst/>
              <a:gdLst/>
              <a:ahLst/>
              <a:cxnLst/>
              <a:rect l="l" t="t" r="r" b="b"/>
              <a:pathLst>
                <a:path w="196" h="572" extrusionOk="0">
                  <a:moveTo>
                    <a:pt x="1" y="0"/>
                  </a:moveTo>
                  <a:lnTo>
                    <a:pt x="1" y="571"/>
                  </a:lnTo>
                  <a:lnTo>
                    <a:pt x="195" y="571"/>
                  </a:lnTo>
                  <a:lnTo>
                    <a:pt x="195" y="0"/>
                  </a:lnTo>
                  <a:close/>
                </a:path>
              </a:pathLst>
            </a:custGeom>
            <a:solidFill>
              <a:schemeClr val="dk2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</p:grpSp>
    </p:spTree>
    <p:extLst>
      <p:ext uri="{BB962C8B-B14F-4D97-AF65-F5344CB8AC3E}">
        <p14:creationId xmlns:p14="http://schemas.microsoft.com/office/powerpoint/2010/main" val="160241779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81D21FB-DAFB-DF4B-B7CA-DF378245F1B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LT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7C020F6-65AA-B149-8A98-D754BD2D85F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LT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89CA0BA-7E42-374F-BCF5-EDBE9B1CAD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20BD33-629C-4DB0-AE43-12D4B4E3F315}" type="datetime1">
              <a:rPr lang="en-US" smtClean="0"/>
              <a:t>5/21/2025</a:t>
            </a:fld>
            <a:endParaRPr lang="en-L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AF8169A-AD4F-B54D-BD6E-4A85F6C023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67CF1D-B5A0-C945-8BEF-46A5BA8407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10407749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EBF467-98F8-1240-ACB7-FB89C8182B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LT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CDF9D25-2E40-A546-8E08-F406112B187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LT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978E3D-659B-5845-B58C-F7CE0FEDAC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69859D-63FA-44AF-980B-C4B5C35BF19D}" type="datetime1">
              <a:rPr lang="en-US" smtClean="0"/>
              <a:t>5/21/2025</a:t>
            </a:fld>
            <a:endParaRPr lang="en-L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FF348E1-52F7-3740-BECC-A872BC9527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863AFA0-CF5D-CB4F-86DA-A26B2DDDD4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154461488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DFBE51-5261-8649-BBAC-76D794105D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LT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95328B6-1619-BD43-AFD5-7594537CB92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53C310A-FBFE-6A4B-94FD-CD0539AA4D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82E46D-3C7D-41CB-A322-60D3898C721F}" type="datetime1">
              <a:rPr lang="en-US" smtClean="0"/>
              <a:t>5/21/2025</a:t>
            </a:fld>
            <a:endParaRPr lang="en-L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09B160-B8F3-9845-896E-719CFEDB94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2CFF698-F77F-6B4B-84A3-6571531ACA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96897164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2ED5FF-D86B-9747-848F-2C768AE53E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LT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78C517-D3BF-1840-B5E3-D495BF943C5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LT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4F0A760-A9DA-0E47-8642-F4561309DDA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LT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8D07266-6075-214C-9A0F-1B14A182DA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98DEDE-9569-4F7D-9470-900D856E8344}" type="datetime1">
              <a:rPr lang="en-US" smtClean="0"/>
              <a:t>5/21/2025</a:t>
            </a:fld>
            <a:endParaRPr lang="en-LT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A6FDC8C-B2B0-4245-A63C-2FB5D90D38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4EF4FA8-9897-264C-B54C-3F8F187703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7032258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A2B15F-C6FA-D84D-AB7C-2B5E418D39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LT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E0F8AC2-AA47-514A-8FDD-22D9C7EA77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62D7083-810C-DE49-887E-B07C6D74842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LT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778EA05-E088-664F-95B0-F7ACC951925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53E967E-B198-B644-85C4-9E2D8C07E3C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LT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4430866-AC10-394E-BF2C-D6905A00C0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01E8BF-3622-44F6-A0B3-BBA87C0CB14A}" type="datetime1">
              <a:rPr lang="en-US" smtClean="0"/>
              <a:t>5/21/2025</a:t>
            </a:fld>
            <a:endParaRPr lang="en-LT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A4192B9-1A8F-5643-8EDB-7F6741B9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D7EE84F-1143-8540-BC3E-2E7FBEDE2E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15788866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EBE082-AEA3-514F-B09D-1F6E78F66E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LT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491E451-9867-6C42-8057-6E95D2F362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48669-B23B-4CBE-9003-ECA0D75E3FC4}" type="datetime1">
              <a:rPr lang="en-US" smtClean="0"/>
              <a:t>5/21/2025</a:t>
            </a:fld>
            <a:endParaRPr lang="en-LT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AA23332-F96E-2A45-BF20-B5E13FB940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508CDD1-FCB4-B145-AA09-3E794E2376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6095086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6BC489A-8D6C-DC47-B468-186F9A4696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99B56-B1C1-4FC3-8D46-E188C979B73A}" type="datetime1">
              <a:rPr lang="en-US" smtClean="0"/>
              <a:t>5/21/2025</a:t>
            </a:fld>
            <a:endParaRPr lang="en-LT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7229109-1C34-5244-ADE5-222459E6E1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F09E646-008A-3748-BCE2-BCCC6ED324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14591809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D4E5A1-F2E4-4441-8387-1A6E6B2073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LT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ADA04F-4005-F044-8FE5-2EC8060FA3B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LT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25CDADC-814E-244E-B9E5-2C9051426D5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33663C-1FF4-3D4E-854F-A5AA4B8A5D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8F686F-3AD8-468B-9228-2A9504861C03}" type="datetime1">
              <a:rPr lang="en-US" smtClean="0"/>
              <a:t>5/21/2025</a:t>
            </a:fld>
            <a:endParaRPr lang="en-LT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0040EC2-135F-FE46-92F3-F3CD1E63A0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F4625FC-8AEA-F74B-9DD8-E453DBA5FB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844066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6E0717-7D74-B44F-9E66-235930CCAE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LT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290095B-B62E-3C44-845A-8D31260A605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LT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2AA383A-A1BD-3449-AEF4-F5EB7E8FAA4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32DE627-2BED-3549-9D80-6D0263AB61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2BD29B-603E-40E0-BAAE-2B5F43E50955}" type="datetime1">
              <a:rPr lang="en-US" smtClean="0"/>
              <a:t>5/21/2025</a:t>
            </a:fld>
            <a:endParaRPr lang="en-LT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475BC9-5EA8-9D48-A131-684734B30F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LT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47BAA5F-2F19-D749-8E4B-44ABBE824F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2882049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F253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0AAB91E-8D3B-5049-91E0-681A6BD550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LT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EC0D1AD-7B0F-C243-8060-E31261F4022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LT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B009B1-730F-3948-AFDB-A7D22951425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2B3DD3B-0AE9-410C-9BBF-7B357207C22B}" type="datetime1">
              <a:rPr lang="en-US" smtClean="0"/>
              <a:t>5/21/2025</a:t>
            </a:fld>
            <a:endParaRPr lang="en-L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E368CD1-C846-864B-8FF5-193D2956B8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L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75D875-456D-074B-9AD9-F14C62DF545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D72A2A8-704E-EF48-80AE-D3783EE37A42}" type="slidenum">
              <a:t>‹#›</a:t>
            </a:fld>
            <a:endParaRPr lang="en-LT"/>
          </a:p>
        </p:txBody>
      </p:sp>
    </p:spTree>
    <p:extLst>
      <p:ext uri="{BB962C8B-B14F-4D97-AF65-F5344CB8AC3E}">
        <p14:creationId xmlns:p14="http://schemas.microsoft.com/office/powerpoint/2010/main" val="26700814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60" r:id="rId11"/>
    <p:sldLayoutId id="2147483659" r:id="rId12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LT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sv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sv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sv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png"/><Relationship Id="rId13" Type="http://schemas.openxmlformats.org/officeDocument/2006/relationships/slide" Target="slide16.xml"/><Relationship Id="rId3" Type="http://schemas.openxmlformats.org/officeDocument/2006/relationships/image" Target="../media/image3.png"/><Relationship Id="rId7" Type="http://schemas.openxmlformats.org/officeDocument/2006/relationships/slide" Target="slide14.xml"/><Relationship Id="rId12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.png"/><Relationship Id="rId11" Type="http://schemas.openxmlformats.org/officeDocument/2006/relationships/image" Target="../media/image51.png"/><Relationship Id="rId5" Type="http://schemas.openxmlformats.org/officeDocument/2006/relationships/image" Target="../media/image30.png"/><Relationship Id="rId10" Type="http://schemas.openxmlformats.org/officeDocument/2006/relationships/slide" Target="slide6.xml"/><Relationship Id="rId4" Type="http://schemas.openxmlformats.org/officeDocument/2006/relationships/slide" Target="slide3.xml"/><Relationship Id="rId9" Type="http://schemas.openxmlformats.org/officeDocument/2006/relationships/image" Target="../media/image5.png"/><Relationship Id="rId14" Type="http://schemas.openxmlformats.org/officeDocument/2006/relationships/image" Target="../media/image61.pn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0.png"/><Relationship Id="rId13" Type="http://schemas.openxmlformats.org/officeDocument/2006/relationships/slide" Target="slide21.xml"/><Relationship Id="rId3" Type="http://schemas.openxmlformats.org/officeDocument/2006/relationships/image" Target="../media/image35.png"/><Relationship Id="rId7" Type="http://schemas.openxmlformats.org/officeDocument/2006/relationships/slide" Target="slide25.xml"/><Relationship Id="rId12" Type="http://schemas.openxmlformats.org/officeDocument/2006/relationships/image" Target="../media/image38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36.png"/><Relationship Id="rId11" Type="http://schemas.openxmlformats.org/officeDocument/2006/relationships/image" Target="../media/image370.png"/><Relationship Id="rId5" Type="http://schemas.openxmlformats.org/officeDocument/2006/relationships/image" Target="../media/image350.png"/><Relationship Id="rId10" Type="http://schemas.openxmlformats.org/officeDocument/2006/relationships/slide" Target="slide27.xml"/><Relationship Id="rId4" Type="http://schemas.openxmlformats.org/officeDocument/2006/relationships/slide" Target="slide23.xml"/><Relationship Id="rId9" Type="http://schemas.openxmlformats.org/officeDocument/2006/relationships/image" Target="../media/image37.png"/><Relationship Id="rId14" Type="http://schemas.openxmlformats.org/officeDocument/2006/relationships/image" Target="../media/image380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sv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sv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svg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7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sv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7.png"/><Relationship Id="rId13" Type="http://schemas.openxmlformats.org/officeDocument/2006/relationships/image" Target="../media/image480.png"/><Relationship Id="rId3" Type="http://schemas.openxmlformats.org/officeDocument/2006/relationships/image" Target="../media/image31.png"/><Relationship Id="rId7" Type="http://schemas.openxmlformats.org/officeDocument/2006/relationships/image" Target="../media/image460.png"/><Relationship Id="rId12" Type="http://schemas.openxmlformats.org/officeDocument/2006/relationships/slide" Target="slide37.xml"/><Relationship Id="rId2" Type="http://schemas.openxmlformats.org/officeDocument/2006/relationships/notesSlide" Target="../notesSlides/notesSlide8.xml"/><Relationship Id="rId16" Type="http://schemas.openxmlformats.org/officeDocument/2006/relationships/image" Target="../media/image490.png"/><Relationship Id="rId1" Type="http://schemas.openxmlformats.org/officeDocument/2006/relationships/slideLayout" Target="../slideLayouts/slideLayout7.xml"/><Relationship Id="rId6" Type="http://schemas.openxmlformats.org/officeDocument/2006/relationships/slide" Target="slide32.xml"/><Relationship Id="rId11" Type="http://schemas.openxmlformats.org/officeDocument/2006/relationships/image" Target="../media/image48.png"/><Relationship Id="rId5" Type="http://schemas.openxmlformats.org/officeDocument/2006/relationships/image" Target="../media/image46.png"/><Relationship Id="rId15" Type="http://schemas.openxmlformats.org/officeDocument/2006/relationships/slide" Target="slide39.xml"/><Relationship Id="rId10" Type="http://schemas.openxmlformats.org/officeDocument/2006/relationships/image" Target="../media/image470.png"/><Relationship Id="rId4" Type="http://schemas.openxmlformats.org/officeDocument/2006/relationships/image" Target="../media/image32.svg"/><Relationship Id="rId9" Type="http://schemas.openxmlformats.org/officeDocument/2006/relationships/slide" Target="slide34.xml"/><Relationship Id="rId14" Type="http://schemas.openxmlformats.org/officeDocument/2006/relationships/image" Target="../media/image49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sv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7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jpeg"/><Relationship Id="rId2" Type="http://schemas.openxmlformats.org/officeDocument/2006/relationships/image" Target="../media/image52.jpe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55.jpeg"/><Relationship Id="rId4" Type="http://schemas.openxmlformats.org/officeDocument/2006/relationships/image" Target="../media/image54.jpe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sv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7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sv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7.xml"/></Relationships>
</file>

<file path=ppt/slides/_rels/slide38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slideLayout" Target="../slideLayouts/slideLayout11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sv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jpeg"/><Relationship Id="rId3" Type="http://schemas.openxmlformats.org/officeDocument/2006/relationships/image" Target="../media/image7.png"/><Relationship Id="rId7" Type="http://schemas.openxmlformats.org/officeDocument/2006/relationships/image" Target="../media/image11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0.jpeg"/><Relationship Id="rId5" Type="http://schemas.openxmlformats.org/officeDocument/2006/relationships/image" Target="../media/image9.jpeg"/><Relationship Id="rId10" Type="http://schemas.openxmlformats.org/officeDocument/2006/relationships/image" Target="../media/image14.jpeg"/><Relationship Id="rId4" Type="http://schemas.openxmlformats.org/officeDocument/2006/relationships/image" Target="../media/image8.svg"/><Relationship Id="rId9" Type="http://schemas.openxmlformats.org/officeDocument/2006/relationships/image" Target="../media/image13.jpeg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7" Type="http://schemas.openxmlformats.org/officeDocument/2006/relationships/image" Target="../media/image1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5.png"/><Relationship Id="rId5" Type="http://schemas.openxmlformats.org/officeDocument/2006/relationships/image" Target="../media/image9.jpeg"/><Relationship Id="rId4" Type="http://schemas.openxmlformats.org/officeDocument/2006/relationships/image" Target="../media/image8.sv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sv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7BD93864-E5A5-07AC-E8B3-C686DC61DE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1</a:t>
            </a:fld>
            <a:endParaRPr 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09E166D-ACF6-7BA1-B150-D9C44EB7187F}"/>
              </a:ext>
            </a:extLst>
          </p:cNvPr>
          <p:cNvSpPr txBox="1"/>
          <p:nvPr/>
        </p:nvSpPr>
        <p:spPr>
          <a:xfrm>
            <a:off x="737419" y="2767280"/>
            <a:ext cx="12135666" cy="132343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4000" b="1" spc="300">
                <a:solidFill>
                  <a:schemeClr val="bg1"/>
                </a:solidFill>
                <a:effectLst>
                  <a:outerShdw blurRad="292100" sx="102000" sy="102000" algn="ctr" rotWithShape="0">
                    <a:prstClr val="black">
                      <a:alpha val="52000"/>
                    </a:prstClr>
                  </a:outerShdw>
                </a:effectLst>
                <a:latin typeface="Montserrat" panose="00000500000000000000" pitchFamily="2" charset="0"/>
              </a:rPr>
              <a:t>DEVELOPMENT OF AN AUTONOMUS OFFBOARD NAVIGATION VEHICLE </a:t>
            </a:r>
            <a:endParaRPr lang="en-LT" sz="4000" b="1" spc="300">
              <a:solidFill>
                <a:schemeClr val="bg1"/>
              </a:solidFill>
              <a:effectLst>
                <a:outerShdw blurRad="292100" sx="102000" sy="102000" algn="ctr" rotWithShape="0">
                  <a:prstClr val="black">
                    <a:alpha val="52000"/>
                  </a:prstClr>
                </a:outerShdw>
              </a:effectLst>
              <a:latin typeface="Montserrat" panose="00000500000000000000" pitchFamily="2" charset="0"/>
            </a:endParaRP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C0EB6E44-8B62-0BFC-C6C4-11A1938FC02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03973" y="199103"/>
            <a:ext cx="1069257" cy="10692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>
            <a:extLst>
              <a:ext uri="{FF2B5EF4-FFF2-40B4-BE49-F238E27FC236}">
                <a16:creationId xmlns:a16="http://schemas.microsoft.com/office/drawing/2014/main" id="{AFB202E8-4A42-0823-D81D-631D3F85654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444" t="8659" r="18468" b="11914"/>
          <a:stretch/>
        </p:blipFill>
        <p:spPr bwMode="auto">
          <a:xfrm>
            <a:off x="221225" y="235975"/>
            <a:ext cx="1032388" cy="12347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835855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5" name="Rectangle 2054">
            <a:extLst>
              <a:ext uri="{FF2B5EF4-FFF2-40B4-BE49-F238E27FC236}">
                <a16:creationId xmlns:a16="http://schemas.microsoft.com/office/drawing/2014/main" id="{22A397E7-BF60-45B2-84C7-B074B76C37A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50" name="Picture 2" descr="Ukraine Reinforces Frontline Unit With Sirko-S1 Unmanned Ground Vehicle">
            <a:extLst>
              <a:ext uri="{FF2B5EF4-FFF2-40B4-BE49-F238E27FC236}">
                <a16:creationId xmlns:a16="http://schemas.microsoft.com/office/drawing/2014/main" id="{5B6A06D3-78CA-A336-B448-717FF2104CE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50" r="16126"/>
          <a:stretch/>
        </p:blipFill>
        <p:spPr bwMode="auto">
          <a:xfrm>
            <a:off x="4283902" y="10"/>
            <a:ext cx="7908098" cy="68579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57" name="Rectangle 2056">
            <a:extLst>
              <a:ext uri="{FF2B5EF4-FFF2-40B4-BE49-F238E27FC236}">
                <a16:creationId xmlns:a16="http://schemas.microsoft.com/office/drawing/2014/main" id="{890DEF05-784E-4B61-89E4-04C4ECF4E5A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gradFill>
            <a:gsLst>
              <a:gs pos="36000">
                <a:schemeClr val="tx1">
                  <a:lumMod val="95000"/>
                  <a:lumOff val="5000"/>
                </a:schemeClr>
              </a:gs>
              <a:gs pos="81000">
                <a:schemeClr val="tx1">
                  <a:lumMod val="95000"/>
                  <a:lumOff val="5000"/>
                  <a:alpha val="0"/>
                </a:scheme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F91EC59-47B0-AC4E-BD99-7C5A94C45FD8}"/>
              </a:ext>
            </a:extLst>
          </p:cNvPr>
          <p:cNvSpPr txBox="1"/>
          <p:nvPr/>
        </p:nvSpPr>
        <p:spPr>
          <a:xfrm>
            <a:off x="728663" y="1115219"/>
            <a:ext cx="5505449" cy="238760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5000" b="0" i="0" u="none" strike="noStrike">
                <a:solidFill>
                  <a:schemeClr val="bg1"/>
                </a:solidFill>
                <a:effectLst/>
                <a:latin typeface="+mj-lt"/>
                <a:ea typeface="+mj-ea"/>
                <a:cs typeface="+mj-cs"/>
              </a:rPr>
              <a:t>SURVEILLANCE AND RECONNAISSANCE</a:t>
            </a:r>
            <a:endParaRPr lang="en-US" sz="5000">
              <a:solidFill>
                <a:schemeClr val="bg1"/>
              </a:solidFill>
              <a:latin typeface="+mj-lt"/>
              <a:ea typeface="+mj-ea"/>
              <a:cs typeface="+mj-cs"/>
            </a:endParaRPr>
          </a:p>
        </p:txBody>
      </p:sp>
      <p:cxnSp>
        <p:nvCxnSpPr>
          <p:cNvPr id="2059" name="Straight Connector 2058">
            <a:extLst>
              <a:ext uri="{FF2B5EF4-FFF2-40B4-BE49-F238E27FC236}">
                <a16:creationId xmlns:a16="http://schemas.microsoft.com/office/drawing/2014/main" id="{C41BAEC7-F7B0-4224-8B18-8F74B7D87F0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128585" y="3681408"/>
            <a:ext cx="11934820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6B760CA-41BE-4EF7-DB8D-16C57715FE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952921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86" name="Rectangle 3085">
            <a:extLst>
              <a:ext uri="{FF2B5EF4-FFF2-40B4-BE49-F238E27FC236}">
                <a16:creationId xmlns:a16="http://schemas.microsoft.com/office/drawing/2014/main" id="{27BDFED6-6E33-4606-AFE2-886ADB1C018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074" name="Picture 2" descr="Autonomous demining research with Husky ">
            <a:extLst>
              <a:ext uri="{FF2B5EF4-FFF2-40B4-BE49-F238E27FC236}">
                <a16:creationId xmlns:a16="http://schemas.microsoft.com/office/drawing/2014/main" id="{035B4221-6972-A784-531B-146CDA36DB4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773" r="-1" b="6673"/>
          <a:stretch/>
        </p:blipFill>
        <p:spPr bwMode="auto">
          <a:xfrm>
            <a:off x="4547937" y="-5"/>
            <a:ext cx="7644062" cy="36814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>
            <a:extLst>
              <a:ext uri="{FF2B5EF4-FFF2-40B4-BE49-F238E27FC236}">
                <a16:creationId xmlns:a16="http://schemas.microsoft.com/office/drawing/2014/main" id="{C37818D7-4788-C491-074C-8000BC17C9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597" r="-1" b="32994"/>
          <a:stretch/>
        </p:blipFill>
        <p:spPr bwMode="auto">
          <a:xfrm>
            <a:off x="4547938" y="3681409"/>
            <a:ext cx="7644062" cy="31765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87" name="Rectangle 3086">
            <a:extLst>
              <a:ext uri="{FF2B5EF4-FFF2-40B4-BE49-F238E27FC236}">
                <a16:creationId xmlns:a16="http://schemas.microsoft.com/office/drawing/2014/main" id="{890DEF05-784E-4B61-89E4-04C4ECF4E5A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gradFill>
            <a:gsLst>
              <a:gs pos="36000">
                <a:schemeClr val="tx1">
                  <a:lumMod val="95000"/>
                  <a:lumOff val="5000"/>
                </a:schemeClr>
              </a:gs>
              <a:gs pos="81000">
                <a:schemeClr val="tx1">
                  <a:lumMod val="95000"/>
                  <a:lumOff val="5000"/>
                  <a:alpha val="0"/>
                </a:scheme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72B494ED-935A-67A7-4AF8-DA25B779A0AB}"/>
              </a:ext>
            </a:extLst>
          </p:cNvPr>
          <p:cNvSpPr txBox="1"/>
          <p:nvPr/>
        </p:nvSpPr>
        <p:spPr>
          <a:xfrm>
            <a:off x="838200" y="1115219"/>
            <a:ext cx="5395912" cy="238760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900" b="0" i="0" u="none" strike="noStrike" kern="1200">
                <a:solidFill>
                  <a:schemeClr val="bg1"/>
                </a:solidFill>
                <a:effectLst/>
                <a:latin typeface="+mj-lt"/>
                <a:ea typeface="+mj-ea"/>
                <a:cs typeface="+mj-cs"/>
              </a:rPr>
              <a:t>SUICIDE MISSIONS AND MINE DETECTION, REDUCING HUMAN RISK</a:t>
            </a:r>
            <a:endParaRPr lang="en-US" sz="3900" kern="1200">
              <a:solidFill>
                <a:schemeClr val="bg1"/>
              </a:solidFill>
              <a:latin typeface="+mj-lt"/>
              <a:ea typeface="+mj-ea"/>
              <a:cs typeface="+mj-cs"/>
            </a:endParaRPr>
          </a:p>
        </p:txBody>
      </p:sp>
      <p:cxnSp>
        <p:nvCxnSpPr>
          <p:cNvPr id="3085" name="Straight Connector 3084">
            <a:extLst>
              <a:ext uri="{FF2B5EF4-FFF2-40B4-BE49-F238E27FC236}">
                <a16:creationId xmlns:a16="http://schemas.microsoft.com/office/drawing/2014/main" id="{C41BAEC7-F7B0-4224-8B18-8F74B7D87F0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838200" y="3681408"/>
            <a:ext cx="11353799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28FD4FC-D132-E8CB-6F67-4607383ADE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086789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676F639D-E019-42D6-006C-0E5531F00E8B}"/>
              </a:ext>
            </a:extLst>
          </p:cNvPr>
          <p:cNvSpPr/>
          <p:nvPr/>
        </p:nvSpPr>
        <p:spPr>
          <a:xfrm>
            <a:off x="999158" y="2859689"/>
            <a:ext cx="10146635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600" b="1" i="0" u="none" strike="noStrike" spc="600">
                <a:solidFill>
                  <a:schemeClr val="bg1"/>
                </a:solidFill>
                <a:effectLst/>
                <a:latin typeface="Raleway Black" pitchFamily="2" charset="0"/>
              </a:rPr>
              <a:t>INDUSTRIAL USES</a:t>
            </a:r>
            <a:r>
              <a:rPr lang="en-US" sz="6600" b="0" i="0" spc="600">
                <a:solidFill>
                  <a:schemeClr val="bg1"/>
                </a:solidFill>
                <a:effectLst/>
                <a:latin typeface="Raleway Black" pitchFamily="2" charset="0"/>
              </a:rPr>
              <a:t>​</a:t>
            </a:r>
            <a:endParaRPr lang="en-LT" sz="6600" b="1" spc="60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itchFamily="2" charset="0"/>
            </a:endParaRPr>
          </a:p>
        </p:txBody>
      </p:sp>
      <p:pic>
        <p:nvPicPr>
          <p:cNvPr id="6" name="Graphic 5" descr="Production with solid fill">
            <a:extLst>
              <a:ext uri="{FF2B5EF4-FFF2-40B4-BE49-F238E27FC236}">
                <a16:creationId xmlns:a16="http://schemas.microsoft.com/office/drawing/2014/main" id="{28145845-1B37-E229-25C0-569733D88E4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045676" y="426306"/>
            <a:ext cx="2269523" cy="2269523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D23BD97-B3EC-38C4-71C4-26417C81E6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695072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122" name="Picture 2">
            <a:extLst>
              <a:ext uri="{FF2B5EF4-FFF2-40B4-BE49-F238E27FC236}">
                <a16:creationId xmlns:a16="http://schemas.microsoft.com/office/drawing/2014/main" id="{9AFEF907-F265-4C9E-DB30-0F9DB0A671F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689" r="1977" b="-1"/>
          <a:stretch/>
        </p:blipFill>
        <p:spPr bwMode="auto">
          <a:xfrm>
            <a:off x="20" y="10"/>
            <a:ext cx="12191980" cy="68579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139" name="Rectangle 5138">
            <a:extLst>
              <a:ext uri="{FF2B5EF4-FFF2-40B4-BE49-F238E27FC236}">
                <a16:creationId xmlns:a16="http://schemas.microsoft.com/office/drawing/2014/main" id="{3B432D73-5C38-474F-AF96-A3228731BF3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gradFill>
            <a:gsLst>
              <a:gs pos="0">
                <a:schemeClr val="tx1">
                  <a:lumMod val="95000"/>
                  <a:lumOff val="5000"/>
                </a:schemeClr>
              </a:gs>
              <a:gs pos="45000">
                <a:schemeClr val="tx1">
                  <a:lumMod val="95000"/>
                  <a:lumOff val="5000"/>
                  <a:alpha val="0"/>
                </a:scheme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CDD47A30-4638-10D1-B1A2-E8791D3C6DA3}"/>
              </a:ext>
            </a:extLst>
          </p:cNvPr>
          <p:cNvSpPr>
            <a:spLocks noGrp="1"/>
          </p:cNvSpPr>
          <p:nvPr/>
        </p:nvSpPr>
        <p:spPr>
          <a:xfrm>
            <a:off x="4038600" y="6347505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/>
              <a:t>Electronics and Power Engineering Department- PNEC- NUS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4415746-F700-7DF4-ECD7-3CE8BE052D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" y="-3705"/>
            <a:ext cx="12191999" cy="6865411"/>
          </a:xfrm>
          <a:prstGeom prst="rect">
            <a:avLst/>
          </a:prstGeom>
        </p:spPr>
      </p:pic>
      <p:sp>
        <p:nvSpPr>
          <p:cNvPr id="4" name="TextBox 4">
            <a:extLst>
              <a:ext uri="{FF2B5EF4-FFF2-40B4-BE49-F238E27FC236}">
                <a16:creationId xmlns:a16="http://schemas.microsoft.com/office/drawing/2014/main" id="{C5FC053D-B618-30E0-6AF7-551567DA854D}"/>
              </a:ext>
            </a:extLst>
          </p:cNvPr>
          <p:cNvSpPr txBox="1"/>
          <p:nvPr/>
        </p:nvSpPr>
        <p:spPr>
          <a:xfrm>
            <a:off x="189863" y="3056954"/>
            <a:ext cx="2853896" cy="369332"/>
          </a:xfrm>
          <a:prstGeom prst="rect">
            <a:avLst/>
          </a:prstGeom>
          <a:solidFill>
            <a:schemeClr val="tx1"/>
          </a:solidFill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>
                <a:solidFill>
                  <a:schemeClr val="bg1"/>
                </a:solidFill>
                <a:cs typeface="Calibri"/>
              </a:rPr>
              <a:t>Monitoring and Patrolling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5" name="TextBox 5">
            <a:extLst>
              <a:ext uri="{FF2B5EF4-FFF2-40B4-BE49-F238E27FC236}">
                <a16:creationId xmlns:a16="http://schemas.microsoft.com/office/drawing/2014/main" id="{6586CC29-D1CF-2485-0775-8C15847A5560}"/>
              </a:ext>
            </a:extLst>
          </p:cNvPr>
          <p:cNvSpPr txBox="1"/>
          <p:nvPr/>
        </p:nvSpPr>
        <p:spPr>
          <a:xfrm>
            <a:off x="4663540" y="3056954"/>
            <a:ext cx="2853896" cy="369332"/>
          </a:xfrm>
          <a:prstGeom prst="rect">
            <a:avLst/>
          </a:prstGeom>
          <a:solidFill>
            <a:schemeClr val="tx1"/>
          </a:solidFill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>
                <a:solidFill>
                  <a:schemeClr val="bg1"/>
                </a:solidFill>
                <a:cs typeface="Calibri"/>
              </a:rPr>
              <a:t>Logistics and Transportation</a:t>
            </a:r>
          </a:p>
        </p:txBody>
      </p:sp>
      <p:sp>
        <p:nvSpPr>
          <p:cNvPr id="6" name="TextBox 6">
            <a:extLst>
              <a:ext uri="{FF2B5EF4-FFF2-40B4-BE49-F238E27FC236}">
                <a16:creationId xmlns:a16="http://schemas.microsoft.com/office/drawing/2014/main" id="{8F5BACCF-1B34-F4FA-AC0D-7FC852FA0ECC}"/>
              </a:ext>
            </a:extLst>
          </p:cNvPr>
          <p:cNvSpPr txBox="1"/>
          <p:nvPr/>
        </p:nvSpPr>
        <p:spPr>
          <a:xfrm>
            <a:off x="6961830" y="6166405"/>
            <a:ext cx="2853896" cy="369332"/>
          </a:xfrm>
          <a:prstGeom prst="rect">
            <a:avLst/>
          </a:prstGeom>
          <a:solidFill>
            <a:schemeClr val="tx1"/>
          </a:solidFill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>
                <a:solidFill>
                  <a:schemeClr val="bg1"/>
                </a:solidFill>
                <a:cs typeface="Calibri"/>
              </a:rPr>
              <a:t>Inspection and Exploration</a:t>
            </a:r>
          </a:p>
        </p:txBody>
      </p:sp>
      <p:sp>
        <p:nvSpPr>
          <p:cNvPr id="7" name="TextBox 7">
            <a:extLst>
              <a:ext uri="{FF2B5EF4-FFF2-40B4-BE49-F238E27FC236}">
                <a16:creationId xmlns:a16="http://schemas.microsoft.com/office/drawing/2014/main" id="{B33FA5C1-7F8C-4624-3017-9D33EFA0A940}"/>
              </a:ext>
            </a:extLst>
          </p:cNvPr>
          <p:cNvSpPr txBox="1"/>
          <p:nvPr/>
        </p:nvSpPr>
        <p:spPr>
          <a:xfrm>
            <a:off x="2611055" y="6166405"/>
            <a:ext cx="2853896" cy="369332"/>
          </a:xfrm>
          <a:prstGeom prst="rect">
            <a:avLst/>
          </a:prstGeom>
          <a:solidFill>
            <a:schemeClr val="tx1"/>
          </a:solidFill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>
                <a:solidFill>
                  <a:schemeClr val="bg1"/>
                </a:solidFill>
                <a:cs typeface="Calibri"/>
              </a:rPr>
              <a:t>Industrial Application</a:t>
            </a:r>
          </a:p>
        </p:txBody>
      </p:sp>
      <p:sp>
        <p:nvSpPr>
          <p:cNvPr id="8" name="TextBox 8">
            <a:extLst>
              <a:ext uri="{FF2B5EF4-FFF2-40B4-BE49-F238E27FC236}">
                <a16:creationId xmlns:a16="http://schemas.microsoft.com/office/drawing/2014/main" id="{F02D54B8-67D2-E319-A3DB-4396C61245DB}"/>
              </a:ext>
            </a:extLst>
          </p:cNvPr>
          <p:cNvSpPr txBox="1"/>
          <p:nvPr/>
        </p:nvSpPr>
        <p:spPr>
          <a:xfrm>
            <a:off x="9333862" y="3056953"/>
            <a:ext cx="2853896" cy="369332"/>
          </a:xfrm>
          <a:prstGeom prst="rect">
            <a:avLst/>
          </a:prstGeom>
          <a:solidFill>
            <a:schemeClr val="tx1"/>
          </a:solidFill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>
                <a:solidFill>
                  <a:schemeClr val="bg1"/>
                </a:solidFill>
                <a:cs typeface="Calibri"/>
              </a:rPr>
              <a:t>Agriculture and Forestry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C5AA9A47-BD2E-4EF3-2A00-36C9134ABF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6734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8A42B65-566C-0A41-B8C2-5032B07BD196}"/>
              </a:ext>
            </a:extLst>
          </p:cNvPr>
          <p:cNvSpPr/>
          <p:nvPr/>
        </p:nvSpPr>
        <p:spPr>
          <a:xfrm>
            <a:off x="2869581" y="202582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674933B-DF67-D14D-ACC6-194EA400210B}"/>
              </a:ext>
            </a:extLst>
          </p:cNvPr>
          <p:cNvSpPr/>
          <p:nvPr/>
        </p:nvSpPr>
        <p:spPr>
          <a:xfrm>
            <a:off x="2892242" y="3533078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LITERATURE</a:t>
            </a:r>
            <a:endParaRPr lang="en-LT" sz="6000" b="1" spc="-15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anose="020B0503030101060003" pitchFamily="34" charset="77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12620E8F-07C2-3A81-0666-FA0687A2D2A7}"/>
              </a:ext>
            </a:extLst>
          </p:cNvPr>
          <p:cNvSpPr/>
          <p:nvPr/>
        </p:nvSpPr>
        <p:spPr>
          <a:xfrm>
            <a:off x="2869579" y="4359367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REVIEW</a:t>
            </a:r>
            <a:endParaRPr lang="en-LT" sz="6000" b="1" spc="-15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anose="020B0503030101060003" pitchFamily="34" charset="77"/>
            </a:endParaRPr>
          </a:p>
        </p:txBody>
      </p:sp>
      <p:pic>
        <p:nvPicPr>
          <p:cNvPr id="5" name="Graphic 4" descr="Rating 3 Star with solid fill">
            <a:extLst>
              <a:ext uri="{FF2B5EF4-FFF2-40B4-BE49-F238E27FC236}">
                <a16:creationId xmlns:a16="http://schemas.microsoft.com/office/drawing/2014/main" id="{0710F6B7-722C-4759-DFDA-70CA2303B73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521743" y="775049"/>
            <a:ext cx="3171173" cy="3171173"/>
          </a:xfrm>
          <a:prstGeom prst="rect">
            <a:avLst/>
          </a:prstGeom>
        </p:spPr>
      </p:pic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C42E87C-4931-A6F3-564C-BD352043FD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9421313"/>
      </p:ext>
    </p:extLst>
  </p:cSld>
  <p:clrMapOvr>
    <a:masterClrMapping/>
  </p:clrMapOvr>
  <p:transition spd="slow" advTm="0"/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val 9">
            <a:extLst>
              <a:ext uri="{FF2B5EF4-FFF2-40B4-BE49-F238E27FC236}">
                <a16:creationId xmlns:a16="http://schemas.microsoft.com/office/drawing/2014/main" id="{CF6B2B7C-89ED-F540-A64D-0D5E18A71354}"/>
              </a:ext>
            </a:extLst>
          </p:cNvPr>
          <p:cNvSpPr/>
          <p:nvPr/>
        </p:nvSpPr>
        <p:spPr>
          <a:xfrm>
            <a:off x="-1450258" y="-4117255"/>
            <a:ext cx="15092516" cy="15092510"/>
          </a:xfrm>
          <a:prstGeom prst="ellipse">
            <a:avLst/>
          </a:prstGeom>
          <a:noFill/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D6787DAF-363B-FF49-8B5C-94BB07360B4E}"/>
              </a:ext>
            </a:extLst>
          </p:cNvPr>
          <p:cNvSpPr/>
          <p:nvPr/>
        </p:nvSpPr>
        <p:spPr>
          <a:xfrm rot="2314562">
            <a:off x="1496965" y="313773"/>
            <a:ext cx="642321" cy="3943954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A550FAD0-EC64-B541-9FEF-F3F576427C79}"/>
              </a:ext>
            </a:extLst>
          </p:cNvPr>
          <p:cNvSpPr/>
          <p:nvPr/>
        </p:nvSpPr>
        <p:spPr>
          <a:xfrm rot="2314562">
            <a:off x="1336419" y="1613863"/>
            <a:ext cx="642321" cy="4080509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3" name="Rounded Rectangle 22">
            <a:extLst>
              <a:ext uri="{FF2B5EF4-FFF2-40B4-BE49-F238E27FC236}">
                <a16:creationId xmlns:a16="http://schemas.microsoft.com/office/drawing/2014/main" id="{95ACA153-32CF-B343-BD0F-8295EFA0D82C}"/>
              </a:ext>
            </a:extLst>
          </p:cNvPr>
          <p:cNvSpPr/>
          <p:nvPr/>
        </p:nvSpPr>
        <p:spPr>
          <a:xfrm rot="2314562">
            <a:off x="1563665" y="2358741"/>
            <a:ext cx="642321" cy="4513190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4" name="Rounded Rectangle 23">
            <a:extLst>
              <a:ext uri="{FF2B5EF4-FFF2-40B4-BE49-F238E27FC236}">
                <a16:creationId xmlns:a16="http://schemas.microsoft.com/office/drawing/2014/main" id="{4A087067-6FBB-1745-A5D4-628D980A11A2}"/>
              </a:ext>
            </a:extLst>
          </p:cNvPr>
          <p:cNvSpPr/>
          <p:nvPr/>
        </p:nvSpPr>
        <p:spPr>
          <a:xfrm rot="2314562">
            <a:off x="1014528" y="4518245"/>
            <a:ext cx="642321" cy="4019894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 useBgFill="1">
        <p:nvSpPr>
          <p:cNvPr id="26" name="Rounded Rectangle 25">
            <a:extLst>
              <a:ext uri="{FF2B5EF4-FFF2-40B4-BE49-F238E27FC236}">
                <a16:creationId xmlns:a16="http://schemas.microsoft.com/office/drawing/2014/main" id="{79CF8A2E-6CD9-C246-88DB-41410F96B594}"/>
              </a:ext>
            </a:extLst>
          </p:cNvPr>
          <p:cNvSpPr/>
          <p:nvPr/>
        </p:nvSpPr>
        <p:spPr>
          <a:xfrm rot="2314562">
            <a:off x="10002831" y="2171981"/>
            <a:ext cx="642321" cy="3943954"/>
          </a:xfrm>
          <a:prstGeom prst="roundRect">
            <a:avLst>
              <a:gd name="adj" fmla="val 50000"/>
            </a:avLst>
          </a:prstGeom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7" name="Rounded Rectangle 26">
            <a:extLst>
              <a:ext uri="{FF2B5EF4-FFF2-40B4-BE49-F238E27FC236}">
                <a16:creationId xmlns:a16="http://schemas.microsoft.com/office/drawing/2014/main" id="{8BF71943-E162-8646-B793-F730AF1116CA}"/>
              </a:ext>
            </a:extLst>
          </p:cNvPr>
          <p:cNvSpPr/>
          <p:nvPr/>
        </p:nvSpPr>
        <p:spPr>
          <a:xfrm rot="2314562">
            <a:off x="9890411" y="3472071"/>
            <a:ext cx="642321" cy="4080509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8" name="Rounded Rectangle 27">
            <a:extLst>
              <a:ext uri="{FF2B5EF4-FFF2-40B4-BE49-F238E27FC236}">
                <a16:creationId xmlns:a16="http://schemas.microsoft.com/office/drawing/2014/main" id="{FC8B7B47-AD94-0B42-BF9A-FB712535E5D0}"/>
              </a:ext>
            </a:extLst>
          </p:cNvPr>
          <p:cNvSpPr/>
          <p:nvPr/>
        </p:nvSpPr>
        <p:spPr>
          <a:xfrm rot="2314562">
            <a:off x="10069531" y="4216949"/>
            <a:ext cx="642321" cy="4513190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14E00701-098F-CD4F-A308-C7B7ECDFF684}"/>
              </a:ext>
            </a:extLst>
          </p:cNvPr>
          <p:cNvSpPr/>
          <p:nvPr/>
        </p:nvSpPr>
        <p:spPr>
          <a:xfrm rot="2314562">
            <a:off x="9520394" y="6376453"/>
            <a:ext cx="642321" cy="4019894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2FF463C9-6114-05ED-F38E-E6C45ADD404C}"/>
              </a:ext>
            </a:extLst>
          </p:cNvPr>
          <p:cNvSpPr/>
          <p:nvPr/>
        </p:nvSpPr>
        <p:spPr>
          <a:xfrm>
            <a:off x="2799678" y="0"/>
            <a:ext cx="7475942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48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LITERATURE REVIEW</a:t>
            </a:r>
            <a:endParaRPr lang="en-LT" sz="4800" b="1" spc="-15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anose="020B0503030101060003" pitchFamily="34" charset="77"/>
            </a:endParaRPr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A3E0C865-53A0-750E-CC7C-6AF69E2B412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25730818"/>
              </p:ext>
            </p:extLst>
          </p:nvPr>
        </p:nvGraphicFramePr>
        <p:xfrm>
          <a:off x="0" y="1026694"/>
          <a:ext cx="12191999" cy="5831304"/>
        </p:xfrm>
        <a:graphic>
          <a:graphicData uri="http://schemas.openxmlformats.org/drawingml/2006/table">
            <a:tbl>
              <a:tblPr/>
              <a:tblGrid>
                <a:gridCol w="711636">
                  <a:extLst>
                    <a:ext uri="{9D8B030D-6E8A-4147-A177-3AD203B41FA5}">
                      <a16:colId xmlns:a16="http://schemas.microsoft.com/office/drawing/2014/main" val="661818399"/>
                    </a:ext>
                  </a:extLst>
                </a:gridCol>
                <a:gridCol w="3537249">
                  <a:extLst>
                    <a:ext uri="{9D8B030D-6E8A-4147-A177-3AD203B41FA5}">
                      <a16:colId xmlns:a16="http://schemas.microsoft.com/office/drawing/2014/main" val="1420998728"/>
                    </a:ext>
                  </a:extLst>
                </a:gridCol>
                <a:gridCol w="5012848">
                  <a:extLst>
                    <a:ext uri="{9D8B030D-6E8A-4147-A177-3AD203B41FA5}">
                      <a16:colId xmlns:a16="http://schemas.microsoft.com/office/drawing/2014/main" val="4175635493"/>
                    </a:ext>
                  </a:extLst>
                </a:gridCol>
                <a:gridCol w="2930266">
                  <a:extLst>
                    <a:ext uri="{9D8B030D-6E8A-4147-A177-3AD203B41FA5}">
                      <a16:colId xmlns:a16="http://schemas.microsoft.com/office/drawing/2014/main" val="2896202446"/>
                    </a:ext>
                  </a:extLst>
                </a:gridCol>
              </a:tblGrid>
              <a:tr h="860673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1" i="0">
                          <a:solidFill>
                            <a:srgbClr val="FFFFFF"/>
                          </a:solidFill>
                          <a:effectLst/>
                          <a:latin typeface="Calibri"/>
                        </a:rPr>
                        <a:t>Sno.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333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2C4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1" i="0">
                          <a:solidFill>
                            <a:srgbClr val="FFFFFF"/>
                          </a:solidFill>
                          <a:effectLst/>
                          <a:latin typeface="Calibri"/>
                        </a:rPr>
                        <a:t>PAPER NAME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333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2C4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1" i="0">
                          <a:solidFill>
                            <a:srgbClr val="FFFFFF"/>
                          </a:solidFill>
                          <a:effectLst/>
                          <a:latin typeface="Calibri"/>
                        </a:rPr>
                        <a:t>DESCRIPTIONS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333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2C4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1" i="0">
                          <a:solidFill>
                            <a:srgbClr val="FFFFFF"/>
                          </a:solidFill>
                          <a:effectLst/>
                          <a:latin typeface="Calibri"/>
                        </a:rPr>
                        <a:t>RESULTS/​</a:t>
                      </a:r>
                    </a:p>
                    <a:p>
                      <a:pPr algn="just" fontAlgn="base"/>
                      <a:r>
                        <a:rPr lang="en-US" sz="1600" b="1" i="0">
                          <a:solidFill>
                            <a:srgbClr val="FFFFFF"/>
                          </a:solidFill>
                          <a:effectLst/>
                          <a:latin typeface="Calibri"/>
                        </a:rPr>
                        <a:t>IMPLEMENTATION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333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2C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16804589"/>
                  </a:ext>
                </a:extLst>
              </a:tr>
              <a:tr h="860673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333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Towards Autonomous Driving with Small-Scale Cars: A Survey of Recent Development</a:t>
                      </a:r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333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1400"/>
                          </a:solidFill>
                          <a:effectLst/>
                          <a:latin typeface="Calibri"/>
                        </a:rPr>
                        <a:t>Small-scale car are cost-effective </a:t>
                      </a:r>
                      <a:endParaRPr lang="en-US" sz="1600" b="0" i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333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ame applied on full size vehicle</a:t>
                      </a:r>
                      <a:endParaRPr lang="en-US" sz="1600" b="0" i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333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74227779"/>
                  </a:ext>
                </a:extLst>
              </a:tr>
              <a:tr h="1083095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2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utomatic Steering Methods for Autonomous Automobile Path Tracking</a:t>
                      </a:r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Pa</a:t>
                      </a: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th tracking methods for car </a:t>
                      </a: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to reach its  goal</a:t>
                      </a:r>
                      <a:endParaRPr lang="en-US" sz="1600" b="0" i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Efficient trajectory following.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98489645"/>
                  </a:ext>
                </a:extLst>
              </a:tr>
              <a:tr h="1083095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3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eliable, Cloud-based Communication for Multi-Robot Systems</a:t>
                      </a:r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 DDS for multi robot communication</a:t>
                      </a:r>
                      <a:endParaRPr lang="en-US" sz="1600" b="0" i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t is implemented for  multiple robot communication </a:t>
                      </a:r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65306681"/>
                  </a:ext>
                </a:extLst>
              </a:tr>
              <a:tr h="860673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4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WROOM: An Autonomous Driving Approach for Off-Road Navigation</a:t>
                      </a:r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 RL</a:t>
                      </a:r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 model</a:t>
                      </a: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 for dynamic path planning .</a:t>
                      </a:r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Tests the system on a real buggy RC car.</a:t>
                      </a:r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​</a:t>
                      </a:r>
                    </a:p>
                    <a:p>
                      <a:pPr algn="just" fontAlgn="base"/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29235968"/>
                  </a:ext>
                </a:extLst>
              </a:tr>
              <a:tr h="1083095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5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Multi-Sample Long Range Path Planning under Sensing Uncertainty for Off-Road Autonomous Driving</a:t>
                      </a:r>
                      <a:r>
                        <a:rPr lang="en-US" sz="16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GB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</a:t>
                      </a: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ntroduces the DREAMS method for Dynamic path planning</a:t>
                      </a:r>
                      <a:r>
                        <a:rPr lang="en-US" sz="1400" b="0" i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.​</a:t>
                      </a: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t is implemented on Sample A*, DRPS, and Direct method.</a:t>
                      </a:r>
                      <a:endParaRPr lang="en-US" sz="1600" b="0" i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69275" marR="69275" marT="34638" marB="34638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3475831"/>
                  </a:ext>
                </a:extLst>
              </a:tr>
            </a:tbl>
          </a:graphicData>
        </a:graphic>
      </p:graphicFrame>
      <p:sp>
        <p:nvSpPr>
          <p:cNvPr id="12" name="Rectangle 1">
            <a:extLst>
              <a:ext uri="{FF2B5EF4-FFF2-40B4-BE49-F238E27FC236}">
                <a16:creationId xmlns:a16="http://schemas.microsoft.com/office/drawing/2014/main" id="{D7031E79-B54C-C439-8C5F-85763BDE06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1892300" y="1825625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>
            <a:lvl1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8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Times New Roman" panose="02020603050405020304" pitchFamily="18" charset="0"/>
                <a:cs typeface="Times New Roman" panose="02020603050405020304" pitchFamily="18" charset="0"/>
              </a:rPr>
              <a:t> </a:t>
            </a: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E98221E-0DAB-1E76-4E2A-A7B0ED2138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702443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6" presetClass="path" presetSubtype="0" repeatCount="indefinite" accel="50000" decel="50000" autoRev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29167E-6 -3.33333E-6 L 0.04245 -0.09352 " pathEditMode="relative" rAng="0" ptsTypes="AA">
                                      <p:cBhvr>
                                        <p:cTn id="6" dur="3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56" presetClass="path" presetSubtype="0" repeatCount="indefinite" accel="50000" decel="50000" autoRev="1" fill="hold" grpId="0" nodeType="withEffect">
                                  <p:stCondLst>
                                    <p:cond delay="400"/>
                                  </p:stCondLst>
                                  <p:childTnLst>
                                    <p:animMotion origin="layout" path="M 2.5E-6 -3.7037E-7 L 0.04245 -0.09352 " pathEditMode="relative" rAng="0" ptsTypes="AA">
                                      <p:cBhvr>
                                        <p:cTn id="8" dur="3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56" presetClass="path" presetSubtype="0" repeatCount="indefinite" accel="50000" decel="50000" autoRev="1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animMotion origin="layout" path="M -1.04167E-6 3.33333E-6 L 0.04245 -0.09352 " pathEditMode="relative" rAng="0" ptsTypes="AA">
                                      <p:cBhvr>
                                        <p:cTn id="10" dur="3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56" presetClass="path" presetSubtype="0" repeatCount="indefinite" accel="50000" decel="50000" autoRev="1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animMotion origin="layout" path="M 1.04167E-6 -1.85185E-6 L 0.04245 -0.09352 " pathEditMode="relative" rAng="0" ptsTypes="AA">
                                      <p:cBhvr>
                                        <p:cTn id="12" dur="3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3" presetID="56" presetClass="path" presetSubtype="0" repeatCount="indefinite" accel="50000" decel="50000" autoRev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29167E-6 -3.33333E-6 L 0.04245 -0.09352 " pathEditMode="relative" rAng="0" ptsTypes="AA">
                                      <p:cBhvr>
                                        <p:cTn id="14" dur="3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5" presetID="56" presetClass="path" presetSubtype="0" repeatCount="indefinite" accel="50000" decel="50000" autoRev="1" fill="hold" grpId="0" nodeType="withEffect">
                                  <p:stCondLst>
                                    <p:cond delay="400"/>
                                  </p:stCondLst>
                                  <p:childTnLst>
                                    <p:animMotion origin="layout" path="M 2.5E-6 -3.7037E-7 L 0.04245 -0.09352 " pathEditMode="relative" rAng="0" ptsTypes="AA">
                                      <p:cBhvr>
                                        <p:cTn id="16" dur="3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7" presetID="56" presetClass="path" presetSubtype="0" repeatCount="indefinite" accel="50000" decel="50000" autoRev="1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animMotion origin="layout" path="M -1.04167E-6 3.33333E-6 L 0.04245 -0.09352 " pathEditMode="relative" rAng="0" ptsTypes="AA">
                                      <p:cBhvr>
                                        <p:cTn id="18" dur="3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9" presetID="56" presetClass="path" presetSubtype="0" repeatCount="indefinite" accel="50000" decel="50000" autoRev="1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animMotion origin="layout" path="M 1.04167E-6 -1.85185E-6 L 0.04245 -0.09352 " pathEditMode="relative" rAng="0" ptsTypes="AA">
                                      <p:cBhvr>
                                        <p:cTn id="20" dur="3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2" grpId="0" animBg="1"/>
      <p:bldP spid="23" grpId="0" animBg="1"/>
      <p:bldP spid="24" grpId="0" animBg="1"/>
      <p:bldP spid="26" grpId="0" animBg="1"/>
      <p:bldP spid="27" grpId="0" animBg="1"/>
      <p:bldP spid="28" grpId="0" animBg="1"/>
      <p:bldP spid="29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8A42B65-566C-0A41-B8C2-5032B07BD196}"/>
              </a:ext>
            </a:extLst>
          </p:cNvPr>
          <p:cNvSpPr/>
          <p:nvPr/>
        </p:nvSpPr>
        <p:spPr>
          <a:xfrm>
            <a:off x="2869581" y="202582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674933B-DF67-D14D-ACC6-194EA400210B}"/>
              </a:ext>
            </a:extLst>
          </p:cNvPr>
          <p:cNvSpPr/>
          <p:nvPr/>
        </p:nvSpPr>
        <p:spPr>
          <a:xfrm>
            <a:off x="2892242" y="3105607"/>
            <a:ext cx="6430177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PROPOSED </a:t>
            </a:r>
          </a:p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SOLUTION</a:t>
            </a:r>
            <a:endParaRPr lang="en-LT" sz="6000" b="1" spc="-15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anose="020B0503030101060003" pitchFamily="34" charset="77"/>
            </a:endParaRPr>
          </a:p>
        </p:txBody>
      </p:sp>
      <p:pic>
        <p:nvPicPr>
          <p:cNvPr id="5" name="Graphic 4" descr="Laptop with solid fill">
            <a:extLst>
              <a:ext uri="{FF2B5EF4-FFF2-40B4-BE49-F238E27FC236}">
                <a16:creationId xmlns:a16="http://schemas.microsoft.com/office/drawing/2014/main" id="{A0AA1DD8-876F-7A8E-A671-9815B1F9A2F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06735" y="1055250"/>
            <a:ext cx="2378529" cy="2378529"/>
          </a:xfrm>
          <a:prstGeom prst="rect">
            <a:avLst/>
          </a:prstGeo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B44B2A-9469-60A7-F975-6A10AB8EA2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2245802"/>
      </p:ext>
    </p:extLst>
  </p:cSld>
  <p:clrMapOvr>
    <a:masterClrMapping/>
  </p:clrMapOvr>
  <p:transition spd="slow" advTm="0"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81CFB6-0ADC-838D-AD98-54F67013BD1D}"/>
              </a:ext>
            </a:extLst>
          </p:cNvPr>
          <p:cNvSpPr>
            <a:spLocks noGrp="1"/>
          </p:cNvSpPr>
          <p:nvPr/>
        </p:nvSpPr>
        <p:spPr>
          <a:xfrm>
            <a:off x="1377958" y="-488749"/>
            <a:ext cx="10515600" cy="977498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850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PROJECT IMPLEMENTATION FLOW DIAGRAM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315F0448-56BD-A27F-B8B8-283AD805A0BE}"/>
              </a:ext>
            </a:extLst>
          </p:cNvPr>
          <p:cNvSpPr/>
          <p:nvPr/>
        </p:nvSpPr>
        <p:spPr>
          <a:xfrm>
            <a:off x="4001226" y="1342836"/>
            <a:ext cx="4572000" cy="1211050"/>
          </a:xfrm>
          <a:prstGeom prst="ellipse">
            <a:avLst/>
          </a:prstGeom>
          <a:ln w="57150"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/>
              <a:t>Simulation In Gazebo With PX4 SITL and ROS2</a:t>
            </a:r>
          </a:p>
        </p:txBody>
      </p:sp>
      <p:cxnSp>
        <p:nvCxnSpPr>
          <p:cNvPr id="5" name="Straight Arrow Connector 4">
            <a:extLst>
              <a:ext uri="{FF2B5EF4-FFF2-40B4-BE49-F238E27FC236}">
                <a16:creationId xmlns:a16="http://schemas.microsoft.com/office/drawing/2014/main" id="{08E9CCEC-272B-83FB-8E5F-5B110ADE15AE}"/>
              </a:ext>
            </a:extLst>
          </p:cNvPr>
          <p:cNvCxnSpPr>
            <a:cxnSpLocks/>
            <a:stCxn id="4" idx="4"/>
          </p:cNvCxnSpPr>
          <p:nvPr/>
        </p:nvCxnSpPr>
        <p:spPr>
          <a:xfrm>
            <a:off x="6287226" y="2553886"/>
            <a:ext cx="0" cy="518519"/>
          </a:xfrm>
          <a:prstGeom prst="straightConnector1">
            <a:avLst/>
          </a:prstGeom>
          <a:ln w="762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Oval 5">
            <a:extLst>
              <a:ext uri="{FF2B5EF4-FFF2-40B4-BE49-F238E27FC236}">
                <a16:creationId xmlns:a16="http://schemas.microsoft.com/office/drawing/2014/main" id="{C627A458-5CA9-D589-F990-20D9A06483BE}"/>
              </a:ext>
            </a:extLst>
          </p:cNvPr>
          <p:cNvSpPr/>
          <p:nvPr/>
        </p:nvSpPr>
        <p:spPr>
          <a:xfrm>
            <a:off x="4148508" y="3072405"/>
            <a:ext cx="4277436" cy="1325563"/>
          </a:xfrm>
          <a:prstGeom prst="ellipse">
            <a:avLst/>
          </a:prstGeom>
          <a:ln w="57150"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/>
              <a:t>Implementation and Testing on Scaled Vehicle.</a:t>
            </a: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F7E4299C-C0C0-6C3E-EDFA-BD68C24C2CFB}"/>
              </a:ext>
            </a:extLst>
          </p:cNvPr>
          <p:cNvSpPr/>
          <p:nvPr/>
        </p:nvSpPr>
        <p:spPr>
          <a:xfrm>
            <a:off x="4295790" y="4916487"/>
            <a:ext cx="4277436" cy="1325563"/>
          </a:xfrm>
          <a:prstGeom prst="ellipse">
            <a:avLst/>
          </a:prstGeom>
          <a:ln w="57150"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/>
              <a:t>Implementation and Testing on an ALL-Terrain Vehicle.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1F394E4A-2F12-AD71-6C97-296B5812B1D3}"/>
              </a:ext>
            </a:extLst>
          </p:cNvPr>
          <p:cNvCxnSpPr>
            <a:cxnSpLocks/>
          </p:cNvCxnSpPr>
          <p:nvPr/>
        </p:nvCxnSpPr>
        <p:spPr>
          <a:xfrm>
            <a:off x="6385035" y="4397967"/>
            <a:ext cx="0" cy="518519"/>
          </a:xfrm>
          <a:prstGeom prst="straightConnector1">
            <a:avLst/>
          </a:prstGeom>
          <a:ln w="762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ight Brace 8">
            <a:extLst>
              <a:ext uri="{FF2B5EF4-FFF2-40B4-BE49-F238E27FC236}">
                <a16:creationId xmlns:a16="http://schemas.microsoft.com/office/drawing/2014/main" id="{FAA69FF0-1D03-1DDA-B2C5-C5C54A78C0C9}"/>
              </a:ext>
            </a:extLst>
          </p:cNvPr>
          <p:cNvSpPr/>
          <p:nvPr/>
        </p:nvSpPr>
        <p:spPr>
          <a:xfrm>
            <a:off x="8579068" y="1344009"/>
            <a:ext cx="932793" cy="3048000"/>
          </a:xfrm>
          <a:prstGeom prst="rightBrac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10" name="TextBox 14">
            <a:extLst>
              <a:ext uri="{FF2B5EF4-FFF2-40B4-BE49-F238E27FC236}">
                <a16:creationId xmlns:a16="http://schemas.microsoft.com/office/drawing/2014/main" id="{2C2087A6-6BC1-CAB5-0B65-DD189F0746CE}"/>
              </a:ext>
            </a:extLst>
          </p:cNvPr>
          <p:cNvSpPr txBox="1"/>
          <p:nvPr/>
        </p:nvSpPr>
        <p:spPr>
          <a:xfrm>
            <a:off x="9511862" y="2631527"/>
            <a:ext cx="2180896" cy="461665"/>
          </a:xfrm>
          <a:prstGeom prst="rect">
            <a:avLst/>
          </a:prstGeom>
          <a:noFill/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b="1">
                <a:solidFill>
                  <a:schemeClr val="bg1"/>
                </a:solidFill>
                <a:latin typeface="Raleway Black" pitchFamily="2" charset="0"/>
                <a:cs typeface="Calibri"/>
              </a:rPr>
              <a:t>FYP SCOPE</a:t>
            </a:r>
            <a:endParaRPr lang="en-US" sz="2400" b="1">
              <a:solidFill>
                <a:schemeClr val="bg1"/>
              </a:solidFill>
              <a:latin typeface="Raleway Black" pitchFamily="2" charset="0"/>
            </a:endParaRPr>
          </a:p>
        </p:txBody>
      </p:sp>
      <p:sp>
        <p:nvSpPr>
          <p:cNvPr id="11" name="Left Brace 10">
            <a:extLst>
              <a:ext uri="{FF2B5EF4-FFF2-40B4-BE49-F238E27FC236}">
                <a16:creationId xmlns:a16="http://schemas.microsoft.com/office/drawing/2014/main" id="{8744B12F-A5A5-114B-A073-EEDDD47BE7D7}"/>
              </a:ext>
            </a:extLst>
          </p:cNvPr>
          <p:cNvSpPr/>
          <p:nvPr/>
        </p:nvSpPr>
        <p:spPr>
          <a:xfrm>
            <a:off x="3166243" y="1344010"/>
            <a:ext cx="656895" cy="4729654"/>
          </a:xfrm>
          <a:prstGeom prst="leftBrac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12" name="TextBox 16">
            <a:extLst>
              <a:ext uri="{FF2B5EF4-FFF2-40B4-BE49-F238E27FC236}">
                <a16:creationId xmlns:a16="http://schemas.microsoft.com/office/drawing/2014/main" id="{01A942B4-9E2E-88A1-F371-EBE5D44A1071}"/>
              </a:ext>
            </a:extLst>
          </p:cNvPr>
          <p:cNvSpPr txBox="1"/>
          <p:nvPr/>
        </p:nvSpPr>
        <p:spPr>
          <a:xfrm>
            <a:off x="170795" y="3478004"/>
            <a:ext cx="2995447" cy="461665"/>
          </a:xfrm>
          <a:prstGeom prst="rect">
            <a:avLst/>
          </a:prstGeom>
          <a:noFill/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b="1">
                <a:solidFill>
                  <a:schemeClr val="bg1"/>
                </a:solidFill>
                <a:latin typeface="Raleway Black" pitchFamily="2" charset="0"/>
                <a:cs typeface="Calibri"/>
              </a:rPr>
              <a:t>INDUSTRY SCOPE</a:t>
            </a:r>
            <a:endParaRPr lang="en-US" b="1">
              <a:solidFill>
                <a:schemeClr val="bg1"/>
              </a:solidFill>
              <a:latin typeface="Raleway Black" pitchFamily="2" charset="0"/>
              <a:cs typeface="Calibri" panose="020F0502020204030204"/>
            </a:endParaRP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82F326E-3073-6E4C-9F33-C086B14E1D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209992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6" grpId="0" animBg="1"/>
      <p:bldP spid="7" grpId="0" animBg="1"/>
      <p:bldP spid="9" grpId="0" animBg="1"/>
      <p:bldP spid="10" grpId="0"/>
      <p:bldP spid="11" grpId="0" animBg="1"/>
      <p:bldP spid="12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31" name="Rectangle 9230">
            <a:extLst>
              <a:ext uri="{FF2B5EF4-FFF2-40B4-BE49-F238E27FC236}">
                <a16:creationId xmlns:a16="http://schemas.microsoft.com/office/drawing/2014/main" id="{E8A8EAB8-D2FF-444D-B34B-7D32F106AD0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7944158F-2AAA-1828-298E-B14E61EF265E}"/>
              </a:ext>
            </a:extLst>
          </p:cNvPr>
          <p:cNvSpPr txBox="1"/>
          <p:nvPr/>
        </p:nvSpPr>
        <p:spPr>
          <a:xfrm>
            <a:off x="838200" y="448721"/>
            <a:ext cx="4707671" cy="122565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800" b="0" i="0" u="none" strike="noStrike">
                <a:solidFill>
                  <a:schemeClr val="bg1"/>
                </a:solidFill>
                <a:effectLst/>
                <a:latin typeface="+mj-lt"/>
                <a:ea typeface="+mj-ea"/>
                <a:cs typeface="+mj-cs"/>
              </a:rPr>
              <a:t>SIMULATION ON GAZEBO</a:t>
            </a:r>
            <a:r>
              <a:rPr lang="en-US" sz="3800" b="0" i="0">
                <a:solidFill>
                  <a:schemeClr val="bg1"/>
                </a:solidFill>
                <a:effectLst/>
                <a:latin typeface="+mj-lt"/>
                <a:ea typeface="+mj-ea"/>
                <a:cs typeface="+mj-cs"/>
              </a:rPr>
              <a:t>​</a:t>
            </a:r>
            <a:endParaRPr lang="en-US" sz="3800">
              <a:solidFill>
                <a:schemeClr val="bg1"/>
              </a:solidFill>
              <a:latin typeface="+mj-lt"/>
              <a:ea typeface="+mj-ea"/>
              <a:cs typeface="+mj-cs"/>
            </a:endParaRPr>
          </a:p>
        </p:txBody>
      </p:sp>
      <p:cxnSp>
        <p:nvCxnSpPr>
          <p:cNvPr id="9232" name="Straight Connector 9231">
            <a:extLst>
              <a:ext uri="{FF2B5EF4-FFF2-40B4-BE49-F238E27FC236}">
                <a16:creationId xmlns:a16="http://schemas.microsoft.com/office/drawing/2014/main" id="{EEA38897-7BA3-4408-8083-3235339C4A6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831873" y="1749756"/>
            <a:ext cx="4718304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CA64FFDE-FFB9-7AC5-BEEC-3782480450CD}"/>
              </a:ext>
            </a:extLst>
          </p:cNvPr>
          <p:cNvSpPr txBox="1"/>
          <p:nvPr/>
        </p:nvSpPr>
        <p:spPr>
          <a:xfrm>
            <a:off x="897769" y="1909192"/>
            <a:ext cx="4586513" cy="364771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indent="-228600" fontAlgn="base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b="1" i="0" u="none" strike="noStrike">
                <a:solidFill>
                  <a:schemeClr val="bg1"/>
                </a:solidFill>
                <a:effectLst/>
              </a:rPr>
              <a:t>Offroad World in Gazebo</a:t>
            </a:r>
            <a:r>
              <a:rPr lang="en-US" sz="2000" b="0" i="0" u="none" strike="noStrike">
                <a:solidFill>
                  <a:schemeClr val="bg1"/>
                </a:solidFill>
                <a:effectLst/>
              </a:rPr>
              <a:t>: Simulating realistic off-road terrain and obstacles.</a:t>
            </a:r>
            <a:r>
              <a:rPr lang="en-US" sz="2000" b="0" i="0">
                <a:solidFill>
                  <a:schemeClr val="bg1"/>
                </a:solidFill>
                <a:effectLst/>
              </a:rPr>
              <a:t>​</a:t>
            </a:r>
          </a:p>
          <a:p>
            <a:pPr indent="-228600" fontAlgn="base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b="1" i="0" u="none" strike="noStrike">
                <a:solidFill>
                  <a:schemeClr val="bg1"/>
                </a:solidFill>
                <a:effectLst/>
              </a:rPr>
              <a:t>PX4 SITL</a:t>
            </a:r>
            <a:r>
              <a:rPr lang="en-US" sz="2000" b="0" i="0" u="none" strike="noStrike">
                <a:solidFill>
                  <a:schemeClr val="bg1"/>
                </a:solidFill>
                <a:effectLst/>
              </a:rPr>
              <a:t>: Testing vehicle control and dynamics virtually before hardware.</a:t>
            </a:r>
            <a:r>
              <a:rPr lang="en-US" sz="2000" b="0" i="0">
                <a:solidFill>
                  <a:schemeClr val="bg1"/>
                </a:solidFill>
                <a:effectLst/>
              </a:rPr>
              <a:t>​</a:t>
            </a:r>
          </a:p>
          <a:p>
            <a:pPr indent="-228600" fontAlgn="base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b="1" i="0" u="none" strike="noStrike">
                <a:solidFill>
                  <a:schemeClr val="bg1"/>
                </a:solidFill>
                <a:effectLst/>
              </a:rPr>
              <a:t>ROS2 Nodes</a:t>
            </a:r>
            <a:r>
              <a:rPr lang="en-US" sz="2000" b="0" i="0" u="none" strike="noStrike">
                <a:solidFill>
                  <a:schemeClr val="bg1"/>
                </a:solidFill>
                <a:effectLst/>
              </a:rPr>
              <a:t>: Executing real-time trajectory commands.</a:t>
            </a:r>
            <a:r>
              <a:rPr lang="en-US" sz="2000" b="0" i="0">
                <a:solidFill>
                  <a:schemeClr val="bg1"/>
                </a:solidFill>
                <a:effectLst/>
              </a:rPr>
              <a:t>​</a:t>
            </a:r>
          </a:p>
          <a:p>
            <a:pPr indent="-228600" fontAlgn="base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b="1" i="0" u="none" strike="noStrike">
                <a:solidFill>
                  <a:schemeClr val="bg1"/>
                </a:solidFill>
                <a:effectLst/>
              </a:rPr>
              <a:t>Multiple Sensors</a:t>
            </a:r>
            <a:r>
              <a:rPr lang="en-US" sz="2000" b="0" i="0" u="none" strike="noStrike">
                <a:solidFill>
                  <a:schemeClr val="bg1"/>
                </a:solidFill>
                <a:effectLst/>
              </a:rPr>
              <a:t>: Testing LiDAR, GPS, IMU, and cameras for navigation and detection. </a:t>
            </a:r>
            <a:endParaRPr lang="en-US" sz="2000" b="0" i="0">
              <a:solidFill>
                <a:schemeClr val="bg1"/>
              </a:solidFill>
              <a:effectLst/>
            </a:endParaRPr>
          </a:p>
        </p:txBody>
      </p:sp>
      <p:cxnSp>
        <p:nvCxnSpPr>
          <p:cNvPr id="9233" name="Straight Connector 9232">
            <a:extLst>
              <a:ext uri="{FF2B5EF4-FFF2-40B4-BE49-F238E27FC236}">
                <a16:creationId xmlns:a16="http://schemas.microsoft.com/office/drawing/2014/main" id="{F11AD06B-AB20-4097-8606-5DA00DBACE8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834027" y="5707672"/>
            <a:ext cx="4713997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218" name="Picture 2" descr="Rover in Gazebo">
            <a:extLst>
              <a:ext uri="{FF2B5EF4-FFF2-40B4-BE49-F238E27FC236}">
                <a16:creationId xmlns:a16="http://schemas.microsoft.com/office/drawing/2014/main" id="{D3682680-C27A-AAFF-676D-F8231EF59CE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005" r="26419"/>
          <a:stretch/>
        </p:blipFill>
        <p:spPr bwMode="auto">
          <a:xfrm>
            <a:off x="6525453" y="10"/>
            <a:ext cx="5666547" cy="68579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15B419D-3A70-E901-41EE-2987461EC1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288376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7" name="Rectangle 10246">
            <a:extLst>
              <a:ext uri="{FF2B5EF4-FFF2-40B4-BE49-F238E27FC236}">
                <a16:creationId xmlns:a16="http://schemas.microsoft.com/office/drawing/2014/main" id="{E8A8EAB8-D2FF-444D-B34B-7D32F106AD0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383283F-6496-CD92-BCA6-AC5C5F0645B3}"/>
              </a:ext>
            </a:extLst>
          </p:cNvPr>
          <p:cNvSpPr txBox="1"/>
          <p:nvPr/>
        </p:nvSpPr>
        <p:spPr>
          <a:xfrm>
            <a:off x="838200" y="448721"/>
            <a:ext cx="4707671" cy="122565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800" b="0" i="0" u="none" strike="noStrike" kern="1200">
                <a:solidFill>
                  <a:schemeClr val="bg1"/>
                </a:solidFill>
                <a:effectLst/>
                <a:latin typeface="+mj-lt"/>
                <a:ea typeface="+mj-ea"/>
                <a:cs typeface="+mj-cs"/>
              </a:rPr>
              <a:t>1/8th SCALE ELECTRIC ATV</a:t>
            </a:r>
            <a:r>
              <a:rPr lang="en-US" sz="3800" b="0" i="0" kern="1200">
                <a:solidFill>
                  <a:schemeClr val="bg1"/>
                </a:solidFill>
                <a:effectLst/>
                <a:latin typeface="+mj-lt"/>
                <a:ea typeface="+mj-ea"/>
                <a:cs typeface="+mj-cs"/>
              </a:rPr>
              <a:t>​</a:t>
            </a:r>
            <a:endParaRPr lang="en-US" sz="3800" kern="1200">
              <a:solidFill>
                <a:schemeClr val="bg1"/>
              </a:solidFill>
              <a:latin typeface="+mj-lt"/>
              <a:ea typeface="+mj-ea"/>
              <a:cs typeface="+mj-cs"/>
            </a:endParaRPr>
          </a:p>
        </p:txBody>
      </p:sp>
      <p:cxnSp>
        <p:nvCxnSpPr>
          <p:cNvPr id="10249" name="Straight Connector 10248">
            <a:extLst>
              <a:ext uri="{FF2B5EF4-FFF2-40B4-BE49-F238E27FC236}">
                <a16:creationId xmlns:a16="http://schemas.microsoft.com/office/drawing/2014/main" id="{EEA38897-7BA3-4408-8083-3235339C4A6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831873" y="1749756"/>
            <a:ext cx="4718304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97D111DB-7CB1-8FA3-E625-B24956522B6D}"/>
              </a:ext>
            </a:extLst>
          </p:cNvPr>
          <p:cNvSpPr txBox="1"/>
          <p:nvPr/>
        </p:nvSpPr>
        <p:spPr>
          <a:xfrm>
            <a:off x="897769" y="1909192"/>
            <a:ext cx="4586513" cy="364771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indent="-228600" fontAlgn="base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b="0" i="0" u="none" strike="noStrike">
                <a:solidFill>
                  <a:schemeClr val="bg1"/>
                </a:solidFill>
                <a:effectLst/>
              </a:rPr>
              <a:t>Mechanical Design: Body is being designed to incorporate electronics and sensors.</a:t>
            </a:r>
            <a:r>
              <a:rPr lang="en-US" sz="2000" b="0" i="0">
                <a:solidFill>
                  <a:schemeClr val="bg1"/>
                </a:solidFill>
                <a:effectLst/>
              </a:rPr>
              <a:t>​</a:t>
            </a:r>
          </a:p>
          <a:p>
            <a:pPr indent="-228600" algn="just" fontAlgn="base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b="0" i="0" u="none" strike="noStrike">
                <a:solidFill>
                  <a:schemeClr val="bg1"/>
                </a:solidFill>
                <a:effectLst/>
              </a:rPr>
              <a:t>Performance:</a:t>
            </a:r>
            <a:r>
              <a:rPr lang="en-US" sz="2000" b="0" i="0">
                <a:solidFill>
                  <a:schemeClr val="bg1"/>
                </a:solidFill>
                <a:effectLst/>
              </a:rPr>
              <a:t>​</a:t>
            </a:r>
          </a:p>
          <a:p>
            <a:pPr indent="-228600" fontAlgn="base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b="0" i="0" u="none" strike="noStrike">
                <a:solidFill>
                  <a:schemeClr val="bg1"/>
                </a:solidFill>
                <a:effectLst/>
              </a:rPr>
              <a:t>Max Speed: 20 km/h.</a:t>
            </a:r>
            <a:r>
              <a:rPr lang="en-US" sz="2000" b="0" i="0">
                <a:solidFill>
                  <a:schemeClr val="bg1"/>
                </a:solidFill>
                <a:effectLst/>
              </a:rPr>
              <a:t>​</a:t>
            </a:r>
          </a:p>
          <a:p>
            <a:pPr indent="-228600" fontAlgn="base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b="0" i="0" u="none" strike="noStrike">
                <a:solidFill>
                  <a:schemeClr val="bg1"/>
                </a:solidFill>
                <a:effectLst/>
              </a:rPr>
              <a:t>Endurance: 50 mins</a:t>
            </a:r>
            <a:r>
              <a:rPr lang="en-US" sz="2000" b="0" i="0">
                <a:solidFill>
                  <a:schemeClr val="bg1"/>
                </a:solidFill>
                <a:effectLst/>
              </a:rPr>
              <a:t>​</a:t>
            </a:r>
          </a:p>
          <a:p>
            <a:pPr indent="-228600" fontAlgn="base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b="0" i="0" u="none" strike="noStrike">
                <a:solidFill>
                  <a:schemeClr val="bg1"/>
                </a:solidFill>
                <a:effectLst/>
              </a:rPr>
              <a:t>Payload Capacity: Supports up to 4 to 5 kg.</a:t>
            </a:r>
            <a:r>
              <a:rPr lang="en-US" sz="2000" b="0" i="0">
                <a:solidFill>
                  <a:schemeClr val="bg1"/>
                </a:solidFill>
                <a:effectLst/>
              </a:rPr>
              <a:t>​</a:t>
            </a:r>
          </a:p>
        </p:txBody>
      </p:sp>
      <p:cxnSp>
        <p:nvCxnSpPr>
          <p:cNvPr id="10251" name="Straight Connector 10250">
            <a:extLst>
              <a:ext uri="{FF2B5EF4-FFF2-40B4-BE49-F238E27FC236}">
                <a16:creationId xmlns:a16="http://schemas.microsoft.com/office/drawing/2014/main" id="{F11AD06B-AB20-4097-8606-5DA00DBACE8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834027" y="5707672"/>
            <a:ext cx="4713997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42" name="Picture 2" descr="A remote control car on the floor&#10;&#10;Description automatically generated">
            <a:extLst>
              <a:ext uri="{FF2B5EF4-FFF2-40B4-BE49-F238E27FC236}">
                <a16:creationId xmlns:a16="http://schemas.microsoft.com/office/drawing/2014/main" id="{70377A41-D01A-ECDD-F80C-6E85E9BCBD8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525453" y="0"/>
            <a:ext cx="4013588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E0998E-6185-0399-CD96-1E1C5D4687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404406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4AFAC6AD-E06A-BD4A-AB39-35849B2BFA2D}"/>
              </a:ext>
            </a:extLst>
          </p:cNvPr>
          <p:cNvCxnSpPr>
            <a:cxnSpLocks/>
          </p:cNvCxnSpPr>
          <p:nvPr/>
        </p:nvCxnSpPr>
        <p:spPr>
          <a:xfrm flipV="1">
            <a:off x="2987610" y="3514418"/>
            <a:ext cx="825191" cy="657921"/>
          </a:xfrm>
          <a:prstGeom prst="line">
            <a:avLst/>
          </a:prstGeom>
          <a:solidFill>
            <a:srgbClr val="12231D">
              <a:alpha val="40000"/>
            </a:srgbClr>
          </a:solidFill>
          <a:ln w="63500" cap="rnd">
            <a:solidFill>
              <a:schemeClr val="bg1"/>
            </a:solidFill>
            <a:prstDash val="sysDot"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70ECD39E-EC9A-954A-B4CF-9BCD99C8CFAE}"/>
              </a:ext>
            </a:extLst>
          </p:cNvPr>
          <p:cNvCxnSpPr>
            <a:cxnSpLocks/>
          </p:cNvCxnSpPr>
          <p:nvPr/>
        </p:nvCxnSpPr>
        <p:spPr>
          <a:xfrm flipH="1" flipV="1">
            <a:off x="5418578" y="3503266"/>
            <a:ext cx="960188" cy="749245"/>
          </a:xfrm>
          <a:prstGeom prst="line">
            <a:avLst/>
          </a:prstGeom>
          <a:solidFill>
            <a:srgbClr val="12231D">
              <a:alpha val="40000"/>
            </a:srgbClr>
          </a:solidFill>
          <a:ln w="63500" cap="rnd">
            <a:solidFill>
              <a:schemeClr val="bg1"/>
            </a:solidFill>
            <a:prstDash val="sysDot"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sp>
        <p:nvSpPr>
          <p:cNvPr id="24" name="Rectangle 23">
            <a:extLst>
              <a:ext uri="{FF2B5EF4-FFF2-40B4-BE49-F238E27FC236}">
                <a16:creationId xmlns:a16="http://schemas.microsoft.com/office/drawing/2014/main" id="{05D0BD90-6384-4F42-BDBE-A945AF012A9F}"/>
              </a:ext>
            </a:extLst>
          </p:cNvPr>
          <p:cNvSpPr/>
          <p:nvPr/>
        </p:nvSpPr>
        <p:spPr>
          <a:xfrm>
            <a:off x="4867139" y="385357"/>
            <a:ext cx="2457725" cy="92333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5400" b="1" spc="300">
                <a:solidFill>
                  <a:schemeClr val="bg1"/>
                </a:solidFill>
                <a:effectLst>
                  <a:outerShdw blurRad="292100" sx="102000" sy="102000" algn="ctr" rotWithShape="0">
                    <a:prstClr val="black">
                      <a:alpha val="52000"/>
                    </a:prstClr>
                  </a:outerShdw>
                </a:effectLst>
                <a:latin typeface="Montserrat" panose="00000500000000000000" pitchFamily="2" charset="0"/>
              </a:rPr>
              <a:t>CDRB</a:t>
            </a:r>
            <a:endParaRPr lang="en-LT" sz="5400" b="1" spc="300">
              <a:solidFill>
                <a:schemeClr val="bg1"/>
              </a:solidFill>
              <a:effectLst>
                <a:outerShdw blurRad="292100" sx="102000" sy="102000" algn="ctr" rotWithShape="0">
                  <a:prstClr val="black">
                    <a:alpha val="52000"/>
                  </a:prstClr>
                </a:outerShdw>
              </a:effectLst>
              <a:latin typeface="Montserrat" panose="00000500000000000000" pitchFamily="2" charset="0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0DF68F12-370D-1E45-B388-B3EB7E9D3A9F}"/>
              </a:ext>
            </a:extLst>
          </p:cNvPr>
          <p:cNvCxnSpPr>
            <a:cxnSpLocks/>
          </p:cNvCxnSpPr>
          <p:nvPr/>
        </p:nvCxnSpPr>
        <p:spPr>
          <a:xfrm flipH="1">
            <a:off x="7932303" y="3536365"/>
            <a:ext cx="903385" cy="683046"/>
          </a:xfrm>
          <a:prstGeom prst="line">
            <a:avLst/>
          </a:prstGeom>
          <a:solidFill>
            <a:srgbClr val="12231D">
              <a:alpha val="40000"/>
            </a:srgbClr>
          </a:solidFill>
          <a:ln w="63500" cap="rnd">
            <a:solidFill>
              <a:schemeClr val="bg1"/>
            </a:solidFill>
            <a:prstDash val="sysDot"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6" name="Section Zoom 5">
                <a:extLst>
                  <a:ext uri="{FF2B5EF4-FFF2-40B4-BE49-F238E27FC236}">
                    <a16:creationId xmlns:a16="http://schemas.microsoft.com/office/drawing/2014/main" id="{039C2E45-7383-084C-A25A-231F40FCFD88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3386625486"/>
                  </p:ext>
                </p:extLst>
              </p:nvPr>
            </p:nvGraphicFramePr>
            <p:xfrm>
              <a:off x="-413512" y="3751378"/>
              <a:ext cx="4450582" cy="2503452"/>
            </p:xfrm>
            <a:graphic>
              <a:graphicData uri="http://schemas.microsoft.com/office/powerpoint/2016/sectionzoom">
                <psez:sectionZm>
                  <psez:sectionZmObj sectionId="{34C61D3D-3DDA-8544-919D-38908B71CF6E}">
                    <psez:zmPr id="{4BF83247-9042-D446-B9D6-CD882B6CF45B}" transitionDur="1000" showBg="0">
                      <p166:blipFill xmlns:p166="http://schemas.microsoft.com/office/powerpoint/2016/6/main">
                        <a:blip r:embed="rId3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4450582" cy="2503452"/>
                        </a:xfrm>
                        <a:prstGeom prst="rect">
                          <a:avLst/>
                        </a:prstGeom>
                        <a:effectLst/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6" name="Section Zoom 5">
                <a:hlinkClick r:id="rId4" action="ppaction://hlinksldjump"/>
                <a:extLst>
                  <a:ext uri="{FF2B5EF4-FFF2-40B4-BE49-F238E27FC236}">
                    <a16:creationId xmlns:a16="http://schemas.microsoft.com/office/drawing/2014/main" id="{039C2E45-7383-084C-A25A-231F40FCFD88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-413512" y="3751378"/>
                <a:ext cx="4450582" cy="2503452"/>
              </a:xfrm>
              <a:prstGeom prst="rect">
                <a:avLst/>
              </a:prstGeom>
              <a:effectLst/>
            </p:spPr>
          </p:pic>
        </mc:Fallback>
      </mc:AlternateContent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8" name="Section Zoom 7">
                <a:extLst>
                  <a:ext uri="{FF2B5EF4-FFF2-40B4-BE49-F238E27FC236}">
                    <a16:creationId xmlns:a16="http://schemas.microsoft.com/office/drawing/2014/main" id="{A9152BB7-26FB-836C-E2E4-81E0BBD80079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580402855"/>
                  </p:ext>
                </p:extLst>
              </p:nvPr>
            </p:nvGraphicFramePr>
            <p:xfrm>
              <a:off x="5800864" y="3751378"/>
              <a:ext cx="3048000" cy="1714500"/>
            </p:xfrm>
            <a:graphic>
              <a:graphicData uri="http://schemas.microsoft.com/office/powerpoint/2016/sectionzoom">
                <psez:sectionZm>
                  <psez:sectionZmObj sectionId="{69B36CBF-3DC3-4D0F-A0C5-E9BD2CB14699}">
                    <psez:zmPr id="{78E0A509-69BB-4892-A22D-47699439EE18}" transitionDur="1000" showBg="0">
                      <p166:blipFill xmlns:p166="http://schemas.microsoft.com/office/powerpoint/2016/6/main">
                        <a:blip r:embed="rId6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3048000" cy="1714500"/>
                        </a:xfrm>
                        <a:prstGeom prst="rect">
                          <a:avLst/>
                        </a:prstGeom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8" name="Section Zoom 7">
                <a:hlinkClick r:id="rId7" action="ppaction://hlinksldjump"/>
                <a:extLst>
                  <a:ext uri="{FF2B5EF4-FFF2-40B4-BE49-F238E27FC236}">
                    <a16:creationId xmlns:a16="http://schemas.microsoft.com/office/drawing/2014/main" id="{A9152BB7-26FB-836C-E2E4-81E0BBD80079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5800864" y="3751378"/>
                <a:ext cx="3048000" cy="1714500"/>
              </a:xfrm>
              <a:prstGeom prst="rect">
                <a:avLst/>
              </a:prstGeom>
            </p:spPr>
          </p:pic>
        </mc:Fallback>
      </mc:AlternateContent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3B7A022E-ED7A-62C8-69E6-AD1D66AB77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2</a:t>
            </a:fld>
            <a:endParaRPr lang="en-US"/>
          </a:p>
        </p:txBody>
      </p:sp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14" name="Section Zoom 13">
                <a:extLst>
                  <a:ext uri="{FF2B5EF4-FFF2-40B4-BE49-F238E27FC236}">
                    <a16:creationId xmlns:a16="http://schemas.microsoft.com/office/drawing/2014/main" id="{BA992D31-31A4-AB00-857D-1A7781A874A2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2443718815"/>
                  </p:ext>
                </p:extLst>
              </p:nvPr>
            </p:nvGraphicFramePr>
            <p:xfrm>
              <a:off x="3117810" y="2256676"/>
              <a:ext cx="3048000" cy="1714500"/>
            </p:xfrm>
            <a:graphic>
              <a:graphicData uri="http://schemas.microsoft.com/office/powerpoint/2016/sectionzoom">
                <psez:sectionZm>
                  <psez:sectionZmObj sectionId="{BCB88EA0-9C45-43CC-A392-D7E8069C9456}">
                    <psez:zmPr id="{4552DAED-2F4E-4523-A5B4-AF5F34B19D81}" transitionDur="1000" showBg="0">
                      <p166:blipFill xmlns:p166="http://schemas.microsoft.com/office/powerpoint/2016/6/main">
                        <a:blip r:embed="rId9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3048000" cy="1714500"/>
                        </a:xfrm>
                        <a:prstGeom prst="rect">
                          <a:avLst/>
                        </a:prstGeom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14" name="Section Zoom 13">
                <a:hlinkClick r:id="rId10" action="ppaction://hlinksldjump"/>
                <a:extLst>
                  <a:ext uri="{FF2B5EF4-FFF2-40B4-BE49-F238E27FC236}">
                    <a16:creationId xmlns:a16="http://schemas.microsoft.com/office/drawing/2014/main" id="{BA992D31-31A4-AB00-857D-1A7781A874A2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3117810" y="2256676"/>
                <a:ext cx="3048000" cy="17145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16" name="Section Zoom 15">
                <a:extLst>
                  <a:ext uri="{FF2B5EF4-FFF2-40B4-BE49-F238E27FC236}">
                    <a16:creationId xmlns:a16="http://schemas.microsoft.com/office/drawing/2014/main" id="{5092A2FB-B380-2F1D-8C88-CBED9B94DEAD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1365035499"/>
                  </p:ext>
                </p:extLst>
              </p:nvPr>
            </p:nvGraphicFramePr>
            <p:xfrm>
              <a:off x="7984543" y="2074326"/>
              <a:ext cx="3048000" cy="1714500"/>
            </p:xfrm>
            <a:graphic>
              <a:graphicData uri="http://schemas.microsoft.com/office/powerpoint/2016/sectionzoom">
                <psez:sectionZm>
                  <psez:sectionZmObj sectionId="{94BBA00D-0C28-4384-82CA-4D2D32DE7761}">
                    <psez:zmPr id="{047745F9-4559-4FFE-866B-032CC72E322D}" transitionDur="1000" showBg="0">
                      <p166:blipFill xmlns:p166="http://schemas.microsoft.com/office/powerpoint/2016/6/main">
                        <a:blip r:embed="rId12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3048000" cy="1714500"/>
                        </a:xfrm>
                        <a:prstGeom prst="rect">
                          <a:avLst/>
                        </a:prstGeom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16" name="Section Zoom 15">
                <a:hlinkClick r:id="rId13" action="ppaction://hlinksldjump"/>
                <a:extLst>
                  <a:ext uri="{FF2B5EF4-FFF2-40B4-BE49-F238E27FC236}">
                    <a16:creationId xmlns:a16="http://schemas.microsoft.com/office/drawing/2014/main" id="{5092A2FB-B380-2F1D-8C88-CBED9B94DEAD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14"/>
              <a:stretch>
                <a:fillRect/>
              </a:stretch>
            </p:blipFill>
            <p:spPr>
              <a:xfrm>
                <a:off x="7984543" y="2074326"/>
                <a:ext cx="3048000" cy="171450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3853549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4AFAC6AD-E06A-BD4A-AB39-35849B2BFA2D}"/>
              </a:ext>
            </a:extLst>
          </p:cNvPr>
          <p:cNvCxnSpPr>
            <a:cxnSpLocks/>
          </p:cNvCxnSpPr>
          <p:nvPr/>
        </p:nvCxnSpPr>
        <p:spPr>
          <a:xfrm flipV="1">
            <a:off x="3038168" y="3381684"/>
            <a:ext cx="745137" cy="526639"/>
          </a:xfrm>
          <a:prstGeom prst="line">
            <a:avLst/>
          </a:prstGeom>
          <a:solidFill>
            <a:srgbClr val="12231D">
              <a:alpha val="40000"/>
            </a:srgbClr>
          </a:solidFill>
          <a:ln w="63500" cap="rnd">
            <a:solidFill>
              <a:schemeClr val="bg1"/>
            </a:solidFill>
            <a:prstDash val="sysDot"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70ECD39E-EC9A-954A-B4CF-9BCD99C8CFAE}"/>
              </a:ext>
            </a:extLst>
          </p:cNvPr>
          <p:cNvCxnSpPr>
            <a:cxnSpLocks/>
          </p:cNvCxnSpPr>
          <p:nvPr/>
        </p:nvCxnSpPr>
        <p:spPr>
          <a:xfrm flipH="1" flipV="1">
            <a:off x="5418578" y="3503266"/>
            <a:ext cx="702003" cy="567289"/>
          </a:xfrm>
          <a:prstGeom prst="line">
            <a:avLst/>
          </a:prstGeom>
          <a:solidFill>
            <a:srgbClr val="12231D">
              <a:alpha val="40000"/>
            </a:srgbClr>
          </a:solidFill>
          <a:ln w="63500" cap="rnd">
            <a:solidFill>
              <a:schemeClr val="bg1"/>
            </a:solidFill>
            <a:prstDash val="sysDot"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sp>
        <p:nvSpPr>
          <p:cNvPr id="24" name="Rectangle 23">
            <a:extLst>
              <a:ext uri="{FF2B5EF4-FFF2-40B4-BE49-F238E27FC236}">
                <a16:creationId xmlns:a16="http://schemas.microsoft.com/office/drawing/2014/main" id="{05D0BD90-6384-4F42-BDBE-A945AF012A9F}"/>
              </a:ext>
            </a:extLst>
          </p:cNvPr>
          <p:cNvSpPr/>
          <p:nvPr/>
        </p:nvSpPr>
        <p:spPr>
          <a:xfrm>
            <a:off x="4867139" y="385357"/>
            <a:ext cx="2457725" cy="92333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5400" b="1" spc="300">
                <a:solidFill>
                  <a:schemeClr val="bg1"/>
                </a:solidFill>
                <a:effectLst>
                  <a:outerShdw blurRad="292100" sx="102000" sy="102000" algn="ctr" rotWithShape="0">
                    <a:prstClr val="black">
                      <a:alpha val="52000"/>
                    </a:prstClr>
                  </a:outerShdw>
                </a:effectLst>
                <a:latin typeface="Montserrat" panose="00000500000000000000" pitchFamily="2" charset="0"/>
              </a:rPr>
              <a:t>CDRB</a:t>
            </a:r>
            <a:endParaRPr lang="en-LT" sz="5400" b="1" spc="300">
              <a:solidFill>
                <a:schemeClr val="bg1"/>
              </a:solidFill>
              <a:effectLst>
                <a:outerShdw blurRad="292100" sx="102000" sy="102000" algn="ctr" rotWithShape="0">
                  <a:prstClr val="black">
                    <a:alpha val="52000"/>
                  </a:prstClr>
                </a:outerShdw>
              </a:effectLst>
              <a:latin typeface="Montserrat" panose="00000500000000000000" pitchFamily="2" charset="0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0DF68F12-370D-1E45-B388-B3EB7E9D3A9F}"/>
              </a:ext>
            </a:extLst>
          </p:cNvPr>
          <p:cNvCxnSpPr>
            <a:cxnSpLocks/>
          </p:cNvCxnSpPr>
          <p:nvPr/>
        </p:nvCxnSpPr>
        <p:spPr>
          <a:xfrm flipH="1">
            <a:off x="8108120" y="3429000"/>
            <a:ext cx="903385" cy="683046"/>
          </a:xfrm>
          <a:prstGeom prst="line">
            <a:avLst/>
          </a:prstGeom>
          <a:solidFill>
            <a:srgbClr val="12231D">
              <a:alpha val="40000"/>
            </a:srgbClr>
          </a:solidFill>
          <a:ln w="63500" cap="rnd">
            <a:solidFill>
              <a:schemeClr val="bg1"/>
            </a:solidFill>
            <a:prstDash val="sysDot"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6" name="Section Zoom 5">
                <a:extLst>
                  <a:ext uri="{FF2B5EF4-FFF2-40B4-BE49-F238E27FC236}">
                    <a16:creationId xmlns:a16="http://schemas.microsoft.com/office/drawing/2014/main" id="{B8BF0612-709A-1706-B797-A96D7C9FA9F9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3189774990"/>
                  </p:ext>
                </p:extLst>
              </p:nvPr>
            </p:nvGraphicFramePr>
            <p:xfrm>
              <a:off x="3180181" y="1699830"/>
              <a:ext cx="3048000" cy="1714500"/>
            </p:xfrm>
            <a:graphic>
              <a:graphicData uri="http://schemas.microsoft.com/office/powerpoint/2016/sectionzoom">
                <psez:sectionZm>
                  <psez:sectionZmObj sectionId="{69ED0C12-204A-407A-9BA5-E79B22789688}">
                    <psez:zmPr id="{47EB6577-EA87-4A83-B664-7B46BE05566A}" transitionDur="1000" showBg="0">
                      <p166:blipFill xmlns:p166="http://schemas.microsoft.com/office/powerpoint/2016/6/main">
                        <a:blip r:embed="rId3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3048000" cy="1714500"/>
                        </a:xfrm>
                        <a:prstGeom prst="rect">
                          <a:avLst/>
                        </a:prstGeom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6" name="Section Zoom 5">
                <a:hlinkClick r:id="rId4" action="ppaction://hlinksldjump"/>
                <a:extLst>
                  <a:ext uri="{FF2B5EF4-FFF2-40B4-BE49-F238E27FC236}">
                    <a16:creationId xmlns:a16="http://schemas.microsoft.com/office/drawing/2014/main" id="{B8BF0612-709A-1706-B797-A96D7C9FA9F9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3180181" y="1699830"/>
                <a:ext cx="3048000" cy="17145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10" name="Section Zoom 9">
                <a:extLst>
                  <a:ext uri="{FF2B5EF4-FFF2-40B4-BE49-F238E27FC236}">
                    <a16:creationId xmlns:a16="http://schemas.microsoft.com/office/drawing/2014/main" id="{1F1D7060-6128-61B3-1C87-BCC464128936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4288094478"/>
                  </p:ext>
                </p:extLst>
              </p:nvPr>
            </p:nvGraphicFramePr>
            <p:xfrm>
              <a:off x="5472066" y="4155312"/>
              <a:ext cx="3583444" cy="2015687"/>
            </p:xfrm>
            <a:graphic>
              <a:graphicData uri="http://schemas.microsoft.com/office/powerpoint/2016/sectionzoom">
                <psez:sectionZm>
                  <psez:sectionZmObj sectionId="{6F9CEE5D-9E5F-4908-A713-656A1797DB6C}">
                    <psez:zmPr id="{D0A69658-FACE-45F4-A33B-833CDCB9FFCF}" transitionDur="1000" showBg="0">
                      <p166:blipFill xmlns:p166="http://schemas.microsoft.com/office/powerpoint/2016/6/main">
                        <a:blip r:embed="rId6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3583444" cy="2015687"/>
                        </a:xfrm>
                        <a:prstGeom prst="rect">
                          <a:avLst/>
                        </a:prstGeom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10" name="Section Zoom 9">
                <a:hlinkClick r:id="rId7" action="ppaction://hlinksldjump"/>
                <a:extLst>
                  <a:ext uri="{FF2B5EF4-FFF2-40B4-BE49-F238E27FC236}">
                    <a16:creationId xmlns:a16="http://schemas.microsoft.com/office/drawing/2014/main" id="{1F1D7060-6128-61B3-1C87-BCC464128936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5472066" y="4155312"/>
                <a:ext cx="3583444" cy="2015687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12" name="Section Zoom 11">
                <a:extLst>
                  <a:ext uri="{FF2B5EF4-FFF2-40B4-BE49-F238E27FC236}">
                    <a16:creationId xmlns:a16="http://schemas.microsoft.com/office/drawing/2014/main" id="{F8DEAD46-CCB8-11FD-2A72-581AD6599D4F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339669426"/>
                  </p:ext>
                </p:extLst>
              </p:nvPr>
            </p:nvGraphicFramePr>
            <p:xfrm>
              <a:off x="8288756" y="1445342"/>
              <a:ext cx="3451952" cy="1941723"/>
            </p:xfrm>
            <a:graphic>
              <a:graphicData uri="http://schemas.microsoft.com/office/powerpoint/2016/sectionzoom">
                <psez:sectionZm>
                  <psez:sectionZmObj sectionId="{F2FFB968-3B00-4CF9-9F4A-893793830C38}">
                    <psez:zmPr id="{78681CE0-64C2-444F-9037-8C831BC81348}" transitionDur="1000" showBg="0">
                      <p166:blipFill xmlns:p166="http://schemas.microsoft.com/office/powerpoint/2016/6/main">
                        <a:blip r:embed="rId9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3451952" cy="1941723"/>
                        </a:xfrm>
                        <a:prstGeom prst="rect">
                          <a:avLst/>
                        </a:prstGeom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12" name="Section Zoom 11">
                <a:hlinkClick r:id="rId10" action="ppaction://hlinksldjump"/>
                <a:extLst>
                  <a:ext uri="{FF2B5EF4-FFF2-40B4-BE49-F238E27FC236}">
                    <a16:creationId xmlns:a16="http://schemas.microsoft.com/office/drawing/2014/main" id="{F8DEAD46-CCB8-11FD-2A72-581AD6599D4F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8288756" y="1445342"/>
                <a:ext cx="3451952" cy="1941723"/>
              </a:xfrm>
              <a:prstGeom prst="rect">
                <a:avLst/>
              </a:prstGeom>
            </p:spPr>
          </p:pic>
        </mc:Fallback>
      </mc:AlternateContent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2B96A7C-3EC3-A02F-F746-F1367EC68B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20</a:t>
            </a:fld>
            <a:endParaRPr lang="en-US"/>
          </a:p>
        </p:txBody>
      </p:sp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17" name="Section Zoom 16">
                <a:extLst>
                  <a:ext uri="{FF2B5EF4-FFF2-40B4-BE49-F238E27FC236}">
                    <a16:creationId xmlns:a16="http://schemas.microsoft.com/office/drawing/2014/main" id="{F72DC887-CEA4-4019-6D8C-B71361C2F4AC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3542537066"/>
                  </p:ext>
                </p:extLst>
              </p:nvPr>
            </p:nvGraphicFramePr>
            <p:xfrm>
              <a:off x="-147484" y="3941794"/>
              <a:ext cx="4083152" cy="2296773"/>
            </p:xfrm>
            <a:graphic>
              <a:graphicData uri="http://schemas.microsoft.com/office/powerpoint/2016/sectionzoom">
                <psez:sectionZm>
                  <psez:sectionZmObj sectionId="{6B942EE4-93E3-4F72-A949-D13AB5DCE254}">
                    <psez:zmPr id="{95F26B4E-8AD5-4CC9-9A31-CA2E7A9055AA}" transitionDur="1000" showBg="0">
                      <p166:blipFill xmlns:p166="http://schemas.microsoft.com/office/powerpoint/2016/6/main">
                        <a:blip r:embed="rId12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4083152" cy="2296773"/>
                        </a:xfrm>
                        <a:prstGeom prst="rect">
                          <a:avLst/>
                        </a:prstGeom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17" name="Section Zoom 16">
                <a:hlinkClick r:id="rId13" action="ppaction://hlinksldjump"/>
                <a:extLst>
                  <a:ext uri="{FF2B5EF4-FFF2-40B4-BE49-F238E27FC236}">
                    <a16:creationId xmlns:a16="http://schemas.microsoft.com/office/drawing/2014/main" id="{F72DC887-CEA4-4019-6D8C-B71361C2F4AC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14"/>
              <a:stretch>
                <a:fillRect/>
              </a:stretch>
            </p:blipFill>
            <p:spPr>
              <a:xfrm>
                <a:off x="-147484" y="3941794"/>
                <a:ext cx="4083152" cy="2296773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1431541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8A42B65-566C-0A41-B8C2-5032B07BD196}"/>
              </a:ext>
            </a:extLst>
          </p:cNvPr>
          <p:cNvSpPr/>
          <p:nvPr/>
        </p:nvSpPr>
        <p:spPr>
          <a:xfrm>
            <a:off x="2869581" y="202582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LT" sz="8000" b="1" i="0" u="none" strike="noStrike" kern="1200" cap="none" spc="-15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Raleway" panose="020B0503030101060003" pitchFamily="34" charset="77"/>
              <a:ea typeface="+mn-ea"/>
              <a:cs typeface="+mn-cs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674933B-DF67-D14D-ACC6-194EA400210B}"/>
              </a:ext>
            </a:extLst>
          </p:cNvPr>
          <p:cNvSpPr/>
          <p:nvPr/>
        </p:nvSpPr>
        <p:spPr>
          <a:xfrm>
            <a:off x="2947639" y="3776199"/>
            <a:ext cx="6296718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800" b="1" i="0" u="none" strike="noStrike" kern="1200" cap="none" spc="-150" normalizeH="0" baseline="0" noProof="0">
                <a:ln>
                  <a:noFill/>
                </a:ln>
                <a:solidFill>
                  <a:srgbClr val="FFFFFF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uLnTx/>
                <a:uFillTx/>
                <a:latin typeface="Raleway Black" panose="020B0503030101060003" pitchFamily="34" charset="77"/>
                <a:ea typeface="+mn-ea"/>
                <a:cs typeface="+mn-cs"/>
              </a:rPr>
              <a:t>SYSTEM</a:t>
            </a:r>
            <a:endParaRPr kumimoji="0" lang="en-LT" sz="4800" b="1" i="0" u="none" strike="noStrike" kern="1200" cap="none" spc="-150" normalizeH="0" baseline="0" noProof="0">
              <a:ln>
                <a:noFill/>
              </a:ln>
              <a:solidFill>
                <a:srgbClr val="FFFFFF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uLnTx/>
              <a:uFillTx/>
              <a:latin typeface="Raleway Black" panose="020B0503030101060003" pitchFamily="34" charset="77"/>
              <a:ea typeface="+mn-ea"/>
              <a:cs typeface="+mn-cs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B44CCB4-18C8-D575-F51D-2DFC06CF2860}"/>
              </a:ext>
            </a:extLst>
          </p:cNvPr>
          <p:cNvSpPr/>
          <p:nvPr/>
        </p:nvSpPr>
        <p:spPr>
          <a:xfrm>
            <a:off x="1581975" y="4607196"/>
            <a:ext cx="9028047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800" b="1" i="0" u="none" strike="noStrike" kern="1200" cap="none" spc="-150" normalizeH="0" baseline="0" noProof="0">
                <a:ln>
                  <a:noFill/>
                </a:ln>
                <a:solidFill>
                  <a:srgbClr val="FFFFFF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uLnTx/>
                <a:uFillTx/>
                <a:latin typeface="Raleway Black" panose="020B0503030101060003" pitchFamily="34" charset="77"/>
                <a:ea typeface="+mn-ea"/>
                <a:cs typeface="+mn-cs"/>
              </a:rPr>
              <a:t>A</a:t>
            </a:r>
            <a:r>
              <a:rPr lang="en-US" sz="4800" b="1" spc="-150">
                <a:solidFill>
                  <a:srgbClr val="FFFFFF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RCHITECTURE</a:t>
            </a:r>
            <a:endParaRPr kumimoji="0" lang="en-LT" sz="4800" b="1" i="0" u="none" strike="noStrike" kern="1200" cap="none" spc="-150" normalizeH="0" baseline="0" noProof="0">
              <a:ln>
                <a:noFill/>
              </a:ln>
              <a:solidFill>
                <a:srgbClr val="FFFFFF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uLnTx/>
              <a:uFillTx/>
              <a:latin typeface="Raleway Black" panose="020B0503030101060003" pitchFamily="34" charset="77"/>
              <a:ea typeface="+mn-ea"/>
              <a:cs typeface="+mn-cs"/>
            </a:endParaRPr>
          </a:p>
        </p:txBody>
      </p:sp>
      <p:pic>
        <p:nvPicPr>
          <p:cNvPr id="7" name="Graphic 6" descr="Workflow with solid fill">
            <a:extLst>
              <a:ext uri="{FF2B5EF4-FFF2-40B4-BE49-F238E27FC236}">
                <a16:creationId xmlns:a16="http://schemas.microsoft.com/office/drawing/2014/main" id="{6FDCCBC5-17B5-F2A0-4A44-4B2EF87AFBE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785930" y="808861"/>
            <a:ext cx="2620139" cy="2620139"/>
          </a:xfrm>
          <a:prstGeom prst="rect">
            <a:avLst/>
          </a:prstGeo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09EA26-6C7F-9380-AC4D-5D03C44145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5160667"/>
      </p:ext>
    </p:extLst>
  </p:cSld>
  <p:clrMapOvr>
    <a:masterClrMapping/>
  </p:clrMapOvr>
  <p:transition spd="slow" advTm="0"/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8A42B65-566C-0A41-B8C2-5032B07BD196}"/>
              </a:ext>
            </a:extLst>
          </p:cNvPr>
          <p:cNvSpPr/>
          <p:nvPr/>
        </p:nvSpPr>
        <p:spPr>
          <a:xfrm>
            <a:off x="-1364972" y="-4031970"/>
            <a:ext cx="14921946" cy="14921942"/>
          </a:xfrm>
          <a:prstGeom prst="ellipse">
            <a:avLst/>
          </a:prstGeom>
          <a:noFill/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6BA49A1-C4F8-6543-8240-061A4699B32F}"/>
              </a:ext>
            </a:extLst>
          </p:cNvPr>
          <p:cNvSpPr/>
          <p:nvPr/>
        </p:nvSpPr>
        <p:spPr>
          <a:xfrm>
            <a:off x="1803230" y="457200"/>
            <a:ext cx="8335936" cy="76944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4400" b="1" spc="60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SYSTEM ARCHITECTURE</a:t>
            </a:r>
            <a:endParaRPr lang="en-LT" sz="4400" b="1" spc="60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anose="020B0503030101060003" pitchFamily="34" charset="77"/>
            </a:endParaRPr>
          </a:p>
        </p:txBody>
      </p:sp>
      <p:sp useBgFill="1">
        <p:nvSpPr>
          <p:cNvPr id="28" name="Oval 27">
            <a:extLst>
              <a:ext uri="{FF2B5EF4-FFF2-40B4-BE49-F238E27FC236}">
                <a16:creationId xmlns:a16="http://schemas.microsoft.com/office/drawing/2014/main" id="{F5655B3E-FE88-834E-A29C-AE048BDB4893}"/>
              </a:ext>
            </a:extLst>
          </p:cNvPr>
          <p:cNvSpPr/>
          <p:nvPr/>
        </p:nvSpPr>
        <p:spPr>
          <a:xfrm>
            <a:off x="8936754" y="1377174"/>
            <a:ext cx="363362" cy="363362"/>
          </a:xfrm>
          <a:prstGeom prst="ellipse">
            <a:avLst/>
          </a:prstGeom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 useBgFill="1">
        <p:nvSpPr>
          <p:cNvPr id="30" name="Oval 29">
            <a:extLst>
              <a:ext uri="{FF2B5EF4-FFF2-40B4-BE49-F238E27FC236}">
                <a16:creationId xmlns:a16="http://schemas.microsoft.com/office/drawing/2014/main" id="{9429F179-E309-5B4C-9AC1-9EAF871D7405}"/>
              </a:ext>
            </a:extLst>
          </p:cNvPr>
          <p:cNvSpPr/>
          <p:nvPr/>
        </p:nvSpPr>
        <p:spPr>
          <a:xfrm>
            <a:off x="9288907" y="1657274"/>
            <a:ext cx="1030414" cy="1030414"/>
          </a:xfrm>
          <a:prstGeom prst="ellipse">
            <a:avLst/>
          </a:prstGeom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5099F9D9-83BC-6468-5A2F-5D16C35A520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560173630"/>
              </p:ext>
            </p:extLst>
          </p:nvPr>
        </p:nvGraphicFramePr>
        <p:xfrm>
          <a:off x="2032000" y="719667"/>
          <a:ext cx="5539780" cy="334027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51B64060-1F15-DA63-1C19-59AB539FAA62}"/>
              </a:ext>
            </a:extLst>
          </p:cNvPr>
          <p:cNvSpPr/>
          <p:nvPr/>
        </p:nvSpPr>
        <p:spPr>
          <a:xfrm>
            <a:off x="122936" y="2726096"/>
            <a:ext cx="2055488" cy="554987"/>
          </a:xfrm>
          <a:prstGeom prst="roundRect">
            <a:avLst/>
          </a:prstGeom>
          <a:solidFill>
            <a:schemeClr val="accent1">
              <a:lumMod val="60000"/>
              <a:lumOff val="40000"/>
              <a:alpha val="5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DEPTH CAMERA</a:t>
            </a:r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893FEC96-1C0F-09A0-1F8E-96BD00F846C0}"/>
              </a:ext>
            </a:extLst>
          </p:cNvPr>
          <p:cNvSpPr/>
          <p:nvPr/>
        </p:nvSpPr>
        <p:spPr>
          <a:xfrm>
            <a:off x="6465281" y="5416655"/>
            <a:ext cx="2069119" cy="984145"/>
          </a:xfrm>
          <a:prstGeom prst="roundRect">
            <a:avLst/>
          </a:prstGeom>
          <a:solidFill>
            <a:schemeClr val="accent1">
              <a:lumMod val="60000"/>
              <a:lumOff val="40000"/>
              <a:alpha val="5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GPS /SPEED SENSOR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52604A89-4C96-7F1C-A739-5329058DEDCC}"/>
              </a:ext>
            </a:extLst>
          </p:cNvPr>
          <p:cNvSpPr/>
          <p:nvPr/>
        </p:nvSpPr>
        <p:spPr>
          <a:xfrm>
            <a:off x="6982208" y="2833672"/>
            <a:ext cx="2542032" cy="1377526"/>
          </a:xfrm>
          <a:prstGeom prst="roundRect">
            <a:avLst/>
          </a:prstGeom>
          <a:solidFill>
            <a:schemeClr val="accent5">
              <a:lumMod val="60000"/>
              <a:lumOff val="40000"/>
              <a:alpha val="5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>
                <a:solidFill>
                  <a:schemeClr val="bg1"/>
                </a:solidFill>
                <a:latin typeface="Raleway Black"/>
              </a:rPr>
              <a:t>PIXHAWK</a:t>
            </a:r>
            <a:br>
              <a:rPr lang="en-US">
                <a:solidFill>
                  <a:schemeClr val="bg1"/>
                </a:solidFill>
                <a:latin typeface="Raleway Black"/>
              </a:rPr>
            </a:br>
            <a:r>
              <a:rPr lang="en-US">
                <a:solidFill>
                  <a:schemeClr val="bg1"/>
                </a:solidFill>
                <a:latin typeface="Raleway Black"/>
              </a:rPr>
              <a:t>Low Level Controller</a:t>
            </a:r>
          </a:p>
        </p:txBody>
      </p:sp>
      <p:graphicFrame>
        <p:nvGraphicFramePr>
          <p:cNvPr id="13" name="Table 12">
            <a:extLst>
              <a:ext uri="{FF2B5EF4-FFF2-40B4-BE49-F238E27FC236}">
                <a16:creationId xmlns:a16="http://schemas.microsoft.com/office/drawing/2014/main" id="{FB24FA14-5EB3-CCEF-07EE-80B42F3701E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15207096"/>
              </p:ext>
            </p:extLst>
          </p:nvPr>
        </p:nvGraphicFramePr>
        <p:xfrm>
          <a:off x="44295" y="5400536"/>
          <a:ext cx="2062013" cy="1271940"/>
        </p:xfrm>
        <a:graphic>
          <a:graphicData uri="http://schemas.openxmlformats.org/drawingml/2006/table">
            <a:tbl>
              <a:tblPr firstRow="1" bandRow="1"/>
              <a:tblGrid>
                <a:gridCol w="2062013">
                  <a:extLst>
                    <a:ext uri="{9D8B030D-6E8A-4147-A177-3AD203B41FA5}">
                      <a16:colId xmlns:a16="http://schemas.microsoft.com/office/drawing/2014/main" val="821432458"/>
                    </a:ext>
                  </a:extLst>
                </a:gridCol>
              </a:tblGrid>
              <a:tr h="423980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latin typeface="Raleway Black" pitchFamily="2" charset="0"/>
                        </a:rPr>
                        <a:t>            INPU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94168975"/>
                  </a:ext>
                </a:extLst>
              </a:tr>
              <a:tr h="423980">
                <a:tc>
                  <a:txBody>
                    <a:bodyPr/>
                    <a:lstStyle/>
                    <a:p>
                      <a:r>
                        <a:rPr lang="en-US">
                          <a:latin typeface="Raleway Black" pitchFamily="2" charset="0"/>
                        </a:rPr>
                        <a:t>           </a:t>
                      </a:r>
                      <a:r>
                        <a:rPr lang="en-US">
                          <a:solidFill>
                            <a:schemeClr val="bg1"/>
                          </a:solidFill>
                          <a:latin typeface="Raleway Black" pitchFamily="2" charset="0"/>
                        </a:rPr>
                        <a:t>OUTPUT</a:t>
                      </a:r>
                      <a:endParaRPr lang="en-US">
                        <a:latin typeface="Raleway Black" pitchFamily="2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691708"/>
                  </a:ext>
                </a:extLst>
              </a:tr>
              <a:tr h="423980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latin typeface="Raleway Black" pitchFamily="2" charset="0"/>
                        </a:rPr>
                        <a:t>           CONTRO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75251929"/>
                  </a:ext>
                </a:extLst>
              </a:tr>
            </a:tbl>
          </a:graphicData>
        </a:graphic>
      </p:graphicFrame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D3B647C3-C9CE-01DB-A080-0B6701F3C6D9}"/>
              </a:ext>
            </a:extLst>
          </p:cNvPr>
          <p:cNvSpPr/>
          <p:nvPr/>
        </p:nvSpPr>
        <p:spPr>
          <a:xfrm>
            <a:off x="200106" y="5400813"/>
            <a:ext cx="334270" cy="323207"/>
          </a:xfrm>
          <a:prstGeom prst="roundRect">
            <a:avLst/>
          </a:prstGeom>
          <a:solidFill>
            <a:schemeClr val="accent1">
              <a:lumMod val="60000"/>
              <a:lumOff val="40000"/>
              <a:alpha val="5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7A7A2ACA-91C9-B450-CBE3-651D5962B8E6}"/>
              </a:ext>
            </a:extLst>
          </p:cNvPr>
          <p:cNvSpPr/>
          <p:nvPr/>
        </p:nvSpPr>
        <p:spPr>
          <a:xfrm>
            <a:off x="200106" y="5824269"/>
            <a:ext cx="334270" cy="323207"/>
          </a:xfrm>
          <a:prstGeom prst="roundRect">
            <a:avLst/>
          </a:prstGeom>
          <a:solidFill>
            <a:schemeClr val="accent3">
              <a:lumMod val="60000"/>
              <a:lumOff val="40000"/>
              <a:alpha val="5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7C39AA27-0DD5-A6CA-9992-BEC34F1581F7}"/>
              </a:ext>
            </a:extLst>
          </p:cNvPr>
          <p:cNvSpPr/>
          <p:nvPr/>
        </p:nvSpPr>
        <p:spPr>
          <a:xfrm>
            <a:off x="200106" y="6252696"/>
            <a:ext cx="334270" cy="323207"/>
          </a:xfrm>
          <a:prstGeom prst="roundRect">
            <a:avLst/>
          </a:prstGeom>
          <a:solidFill>
            <a:schemeClr val="accent5">
              <a:lumMod val="60000"/>
              <a:lumOff val="40000"/>
              <a:alpha val="5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C4B37D8D-1974-7506-2DEF-2CBDC7290022}"/>
              </a:ext>
            </a:extLst>
          </p:cNvPr>
          <p:cNvCxnSpPr>
            <a:cxnSpLocks/>
            <a:endCxn id="9" idx="1"/>
          </p:cNvCxnSpPr>
          <p:nvPr/>
        </p:nvCxnSpPr>
        <p:spPr>
          <a:xfrm flipV="1">
            <a:off x="6184754" y="3522435"/>
            <a:ext cx="797454" cy="1"/>
          </a:xfrm>
          <a:prstGeom prst="straightConnector1">
            <a:avLst/>
          </a:prstGeom>
          <a:ln w="5715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round/>
            <a:headEnd type="arrow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3084" name="Straight Arrow Connector 3083">
            <a:extLst>
              <a:ext uri="{FF2B5EF4-FFF2-40B4-BE49-F238E27FC236}">
                <a16:creationId xmlns:a16="http://schemas.microsoft.com/office/drawing/2014/main" id="{44DEC987-3807-FEA8-6668-C9B82B36A31D}"/>
              </a:ext>
            </a:extLst>
          </p:cNvPr>
          <p:cNvCxnSpPr>
            <a:cxnSpLocks/>
          </p:cNvCxnSpPr>
          <p:nvPr/>
        </p:nvCxnSpPr>
        <p:spPr>
          <a:xfrm flipV="1">
            <a:off x="7519211" y="4206832"/>
            <a:ext cx="0" cy="1209823"/>
          </a:xfrm>
          <a:prstGeom prst="straightConnector1">
            <a:avLst/>
          </a:prstGeom>
          <a:ln w="57150">
            <a:solidFill>
              <a:schemeClr val="accent3">
                <a:lumMod val="60000"/>
                <a:lumOff val="40000"/>
              </a:schemeClr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3088" name="Straight Arrow Connector 3087">
            <a:extLst>
              <a:ext uri="{FF2B5EF4-FFF2-40B4-BE49-F238E27FC236}">
                <a16:creationId xmlns:a16="http://schemas.microsoft.com/office/drawing/2014/main" id="{E34CF3C7-A516-13B7-5594-66D44AE45350}"/>
              </a:ext>
            </a:extLst>
          </p:cNvPr>
          <p:cNvCxnSpPr>
            <a:cxnSpLocks/>
            <a:stCxn id="9" idx="2"/>
          </p:cNvCxnSpPr>
          <p:nvPr/>
        </p:nvCxnSpPr>
        <p:spPr>
          <a:xfrm>
            <a:off x="8253224" y="4211198"/>
            <a:ext cx="0" cy="1015023"/>
          </a:xfrm>
          <a:prstGeom prst="straightConnector1">
            <a:avLst/>
          </a:prstGeom>
          <a:ln w="57150">
            <a:solidFill>
              <a:schemeClr val="accent3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1" name="Straight Arrow Connector 3090">
            <a:extLst>
              <a:ext uri="{FF2B5EF4-FFF2-40B4-BE49-F238E27FC236}">
                <a16:creationId xmlns:a16="http://schemas.microsoft.com/office/drawing/2014/main" id="{CD8CC7CA-A599-7FDB-8043-B584FF33A3B0}"/>
              </a:ext>
            </a:extLst>
          </p:cNvPr>
          <p:cNvCxnSpPr>
            <a:cxnSpLocks/>
          </p:cNvCxnSpPr>
          <p:nvPr/>
        </p:nvCxnSpPr>
        <p:spPr>
          <a:xfrm>
            <a:off x="8253224" y="5193701"/>
            <a:ext cx="502764" cy="0"/>
          </a:xfrm>
          <a:prstGeom prst="straightConnector1">
            <a:avLst/>
          </a:prstGeom>
          <a:ln w="57150">
            <a:solidFill>
              <a:schemeClr val="accent3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4" name="Straight Arrow Connector 3093">
            <a:extLst>
              <a:ext uri="{FF2B5EF4-FFF2-40B4-BE49-F238E27FC236}">
                <a16:creationId xmlns:a16="http://schemas.microsoft.com/office/drawing/2014/main" id="{72BD1F35-67C9-FE94-BC12-7B59DEBADBBC}"/>
              </a:ext>
            </a:extLst>
          </p:cNvPr>
          <p:cNvCxnSpPr>
            <a:cxnSpLocks/>
          </p:cNvCxnSpPr>
          <p:nvPr/>
        </p:nvCxnSpPr>
        <p:spPr>
          <a:xfrm flipV="1">
            <a:off x="3702921" y="4293096"/>
            <a:ext cx="0" cy="675335"/>
          </a:xfrm>
          <a:prstGeom prst="straightConnector1">
            <a:avLst/>
          </a:prstGeom>
          <a:ln w="57150">
            <a:solidFill>
              <a:schemeClr val="accent3">
                <a:lumMod val="40000"/>
                <a:lumOff val="6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: Rounded Corners 24">
            <a:extLst>
              <a:ext uri="{FF2B5EF4-FFF2-40B4-BE49-F238E27FC236}">
                <a16:creationId xmlns:a16="http://schemas.microsoft.com/office/drawing/2014/main" id="{12551261-CE18-A921-B05A-E05F7E74C86C}"/>
              </a:ext>
            </a:extLst>
          </p:cNvPr>
          <p:cNvSpPr/>
          <p:nvPr/>
        </p:nvSpPr>
        <p:spPr>
          <a:xfrm>
            <a:off x="154313" y="3644978"/>
            <a:ext cx="2055488" cy="554987"/>
          </a:xfrm>
          <a:prstGeom prst="roundRect">
            <a:avLst/>
          </a:prstGeom>
          <a:solidFill>
            <a:schemeClr val="accent1">
              <a:lumMod val="60000"/>
              <a:lumOff val="40000"/>
              <a:alpha val="5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LIDAR</a:t>
            </a:r>
          </a:p>
        </p:txBody>
      </p: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6F1EA7D4-4C0F-D28B-CBB4-495CF386ED19}"/>
              </a:ext>
            </a:extLst>
          </p:cNvPr>
          <p:cNvCxnSpPr>
            <a:cxnSpLocks/>
          </p:cNvCxnSpPr>
          <p:nvPr/>
        </p:nvCxnSpPr>
        <p:spPr>
          <a:xfrm>
            <a:off x="2164977" y="2949802"/>
            <a:ext cx="1223682" cy="0"/>
          </a:xfrm>
          <a:prstGeom prst="straightConnector1">
            <a:avLst/>
          </a:prstGeom>
          <a:ln w="57150">
            <a:solidFill>
              <a:schemeClr val="accent3">
                <a:lumMod val="40000"/>
                <a:lumOff val="6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2" name="Straight Arrow Connector 3071">
            <a:extLst>
              <a:ext uri="{FF2B5EF4-FFF2-40B4-BE49-F238E27FC236}">
                <a16:creationId xmlns:a16="http://schemas.microsoft.com/office/drawing/2014/main" id="{FE23818D-FAF0-425B-6346-7E5B721B3D39}"/>
              </a:ext>
            </a:extLst>
          </p:cNvPr>
          <p:cNvCxnSpPr>
            <a:cxnSpLocks/>
          </p:cNvCxnSpPr>
          <p:nvPr/>
        </p:nvCxnSpPr>
        <p:spPr>
          <a:xfrm>
            <a:off x="2209800" y="3909025"/>
            <a:ext cx="1223682" cy="0"/>
          </a:xfrm>
          <a:prstGeom prst="straightConnector1">
            <a:avLst/>
          </a:prstGeom>
          <a:ln w="57150">
            <a:solidFill>
              <a:schemeClr val="accent3">
                <a:lumMod val="40000"/>
                <a:lumOff val="6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DE2AC2E9-3DCC-704E-2498-2529F21593C0}"/>
              </a:ext>
            </a:extLst>
          </p:cNvPr>
          <p:cNvSpPr/>
          <p:nvPr/>
        </p:nvSpPr>
        <p:spPr>
          <a:xfrm>
            <a:off x="2643311" y="4948727"/>
            <a:ext cx="2055488" cy="554987"/>
          </a:xfrm>
          <a:prstGeom prst="roundRect">
            <a:avLst/>
          </a:prstGeom>
          <a:solidFill>
            <a:schemeClr val="accent1">
              <a:lumMod val="60000"/>
              <a:lumOff val="40000"/>
              <a:alpha val="5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PAYLOAD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61B441BF-DF06-6D92-CD93-27ACDC3D7AF3}"/>
              </a:ext>
            </a:extLst>
          </p:cNvPr>
          <p:cNvSpPr/>
          <p:nvPr/>
        </p:nvSpPr>
        <p:spPr>
          <a:xfrm>
            <a:off x="8770814" y="4825828"/>
            <a:ext cx="2339145" cy="800786"/>
          </a:xfrm>
          <a:prstGeom prst="roundRect">
            <a:avLst/>
          </a:prstGeom>
          <a:solidFill>
            <a:schemeClr val="accent1">
              <a:lumMod val="60000"/>
              <a:lumOff val="40000"/>
              <a:alpha val="5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MOTORS / ACTUATORS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3641B4D7-2DAE-BB73-D2D5-B481E9FFC795}"/>
              </a:ext>
            </a:extLst>
          </p:cNvPr>
          <p:cNvSpPr/>
          <p:nvPr/>
        </p:nvSpPr>
        <p:spPr>
          <a:xfrm>
            <a:off x="3419492" y="2598492"/>
            <a:ext cx="2734746" cy="1694599"/>
          </a:xfrm>
          <a:prstGeom prst="roundRect">
            <a:avLst/>
          </a:prstGeom>
          <a:solidFill>
            <a:schemeClr val="accent5">
              <a:lumMod val="60000"/>
              <a:lumOff val="40000"/>
              <a:alpha val="5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lvl="0" algn="ctr">
              <a:defRPr/>
            </a:pPr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EMBEDED COMPUTER</a:t>
            </a:r>
          </a:p>
          <a:p>
            <a:pPr lvl="0" algn="ctr">
              <a:defRPr/>
            </a:pPr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RUNNIING ROS2</a:t>
            </a:r>
          </a:p>
          <a:p>
            <a:pPr lvl="0" algn="ctr">
              <a:defRPr/>
            </a:pPr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HIGH LEVEL PATH PLANNER</a:t>
            </a:r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E47AAB39-D49A-0D2C-C434-0CF45595D6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700288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repeatCount="indefinite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5"/>
                                            </p:cond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8" presetID="64" presetClass="path" presetSubtype="0" repeatCount="indefinite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54167E-6 -4.81481E-6 L 3.54167E-6 -0.13888 " pathEditMode="relative" rAng="0" ptsTypes="AA">
                                      <p:cBhvr>
                                        <p:cTn id="9" dur="2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6944"/>
                                    </p:animMotion>
                                  </p:childTnLst>
                                </p:cTn>
                              </p:par>
                              <p:par>
                                <p:cTn id="10" presetID="10" presetClass="entr" presetSubtype="0" repeatCount="indefinite" fill="hold" grpId="0" nodeType="withEffect">
                                  <p:stCondLst>
                                    <p:cond delay="40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2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sameClick" afterEffect="1">
                                          <p:stCondLst>
                                            <p:cond evt="end" delay="0">
                                              <p:tn val="10"/>
                                            </p:cond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13" presetID="64" presetClass="path" presetSubtype="0" repeatCount="indefinite" fill="hold" grpId="1" nodeType="withEffect">
                                  <p:stCondLst>
                                    <p:cond delay="400"/>
                                  </p:stCondLst>
                                  <p:childTnLst>
                                    <p:animMotion origin="layout" path="M 3.54167E-6 3.33333E-6 L 3.54167E-6 -0.13889 " pathEditMode="relative" rAng="0" ptsTypes="AA">
                                      <p:cBhvr>
                                        <p:cTn id="14" dur="20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694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0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30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30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308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30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animBg="1"/>
      <p:bldP spid="28" grpId="1" animBg="1"/>
      <p:bldP spid="30" grpId="0" animBg="1"/>
      <p:bldP spid="30" grpId="1" animBg="1"/>
      <p:bldP spid="7" grpId="0" animBg="1"/>
      <p:bldP spid="8" grpId="0" animBg="1"/>
      <p:bldP spid="9" grpId="0" animBg="1"/>
      <p:bldP spid="25" grpId="0" animBg="1"/>
      <p:bldP spid="4" grpId="0" animBg="1"/>
      <p:bldP spid="12" grpId="0" animBg="1"/>
      <p:bldP spid="15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8A42B65-566C-0A41-B8C2-5032B07BD196}"/>
              </a:ext>
            </a:extLst>
          </p:cNvPr>
          <p:cNvSpPr/>
          <p:nvPr/>
        </p:nvSpPr>
        <p:spPr>
          <a:xfrm>
            <a:off x="2869581" y="202582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674933B-DF67-D14D-ACC6-194EA400210B}"/>
              </a:ext>
            </a:extLst>
          </p:cNvPr>
          <p:cNvSpPr/>
          <p:nvPr/>
        </p:nvSpPr>
        <p:spPr>
          <a:xfrm>
            <a:off x="2892242" y="3105607"/>
            <a:ext cx="6430177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SYSTEM</a:t>
            </a:r>
          </a:p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SPECIFICATION</a:t>
            </a:r>
            <a:endParaRPr lang="en-LT" sz="6000" b="1" spc="-15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anose="020B0503030101060003" pitchFamily="34" charset="77"/>
            </a:endParaRPr>
          </a:p>
        </p:txBody>
      </p:sp>
      <p:pic>
        <p:nvPicPr>
          <p:cNvPr id="5" name="Graphic 4" descr="Laptop with solid fill">
            <a:extLst>
              <a:ext uri="{FF2B5EF4-FFF2-40B4-BE49-F238E27FC236}">
                <a16:creationId xmlns:a16="http://schemas.microsoft.com/office/drawing/2014/main" id="{A0AA1DD8-876F-7A8E-A671-9815B1F9A2F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06735" y="1055250"/>
            <a:ext cx="2378529" cy="2378529"/>
          </a:xfrm>
          <a:prstGeom prst="rect">
            <a:avLst/>
          </a:prstGeo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B0226A5-F67B-7173-DC3F-50E37753C5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5274207"/>
      </p:ext>
    </p:extLst>
  </p:cSld>
  <p:clrMapOvr>
    <a:masterClrMapping/>
  </p:clrMapOvr>
  <p:transition spd="slow" advTm="0"/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2327" name="Rectangle 12326">
            <a:extLst>
              <a:ext uri="{FF2B5EF4-FFF2-40B4-BE49-F238E27FC236}">
                <a16:creationId xmlns:a16="http://schemas.microsoft.com/office/drawing/2014/main" id="{AB8C311F-7253-4AED-9701-7FC0708C41C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29" name="Rectangle 12328">
            <a:extLst>
              <a:ext uri="{FF2B5EF4-FFF2-40B4-BE49-F238E27FC236}">
                <a16:creationId xmlns:a16="http://schemas.microsoft.com/office/drawing/2014/main" id="{E2384209-CB15-4CDF-9D31-C44FD9A3F20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 flipH="1">
            <a:off x="2666617" y="-2666188"/>
            <a:ext cx="6858000" cy="12191233"/>
          </a:xfrm>
          <a:prstGeom prst="rect">
            <a:avLst/>
          </a:prstGeom>
          <a:gradFill>
            <a:gsLst>
              <a:gs pos="8000">
                <a:schemeClr val="accent1"/>
              </a:gs>
              <a:gs pos="100000">
                <a:schemeClr val="accent1">
                  <a:lumMod val="50000"/>
                </a:schemeClr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31" name="Rectangle 12330">
            <a:extLst>
              <a:ext uri="{FF2B5EF4-FFF2-40B4-BE49-F238E27FC236}">
                <a16:creationId xmlns:a16="http://schemas.microsoft.com/office/drawing/2014/main" id="{2633B3B5-CC90-43F0-8714-D31D1F3F020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2311" y="0"/>
            <a:ext cx="9070846" cy="6857572"/>
          </a:xfrm>
          <a:prstGeom prst="rect">
            <a:avLst/>
          </a:prstGeom>
          <a:gradFill>
            <a:gsLst>
              <a:gs pos="8000">
                <a:srgbClr val="000000">
                  <a:alpha val="52000"/>
                </a:srgbClr>
              </a:gs>
              <a:gs pos="100000">
                <a:schemeClr val="accent1"/>
              </a:gs>
            </a:gsLst>
            <a:lin ang="4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33" name="Rectangle 12332">
            <a:extLst>
              <a:ext uri="{FF2B5EF4-FFF2-40B4-BE49-F238E27FC236}">
                <a16:creationId xmlns:a16="http://schemas.microsoft.com/office/drawing/2014/main" id="{A8D57A06-A426-446D-B02C-A2DC6B62E45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 flipH="1">
            <a:off x="3649491" y="-1685840"/>
            <a:ext cx="4894564" cy="12193546"/>
          </a:xfrm>
          <a:prstGeom prst="rect">
            <a:avLst/>
          </a:prstGeom>
          <a:gradFill>
            <a:gsLst>
              <a:gs pos="0">
                <a:schemeClr val="accent5">
                  <a:lumMod val="60000"/>
                  <a:lumOff val="40000"/>
                  <a:alpha val="0"/>
                </a:schemeClr>
              </a:gs>
              <a:gs pos="100000">
                <a:srgbClr val="000000">
                  <a:alpha val="46000"/>
                </a:srgbClr>
              </a:gs>
            </a:gsLst>
            <a:lin ang="1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0BB88EC-F6E3-297C-6936-D8A6E7C9171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64642" y="352358"/>
            <a:ext cx="10289157" cy="6291793"/>
          </a:xfrm>
          <a:prstGeom prst="rect">
            <a:avLst/>
          </a:prstGeom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8EA6B64-9CC9-CDDC-8550-7235FDCDF5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377790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8A42B65-566C-0A41-B8C2-5032B07BD196}"/>
              </a:ext>
            </a:extLst>
          </p:cNvPr>
          <p:cNvSpPr/>
          <p:nvPr/>
        </p:nvSpPr>
        <p:spPr>
          <a:xfrm>
            <a:off x="2869581" y="202582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674933B-DF67-D14D-ACC6-194EA400210B}"/>
              </a:ext>
            </a:extLst>
          </p:cNvPr>
          <p:cNvSpPr/>
          <p:nvPr/>
        </p:nvSpPr>
        <p:spPr>
          <a:xfrm>
            <a:off x="2892242" y="3105607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TESTING 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39CFC5F-922C-05A5-0E3C-D0146B094E67}"/>
              </a:ext>
            </a:extLst>
          </p:cNvPr>
          <p:cNvSpPr/>
          <p:nvPr/>
        </p:nvSpPr>
        <p:spPr>
          <a:xfrm>
            <a:off x="2798457" y="4125515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CRITERIA  </a:t>
            </a:r>
          </a:p>
        </p:txBody>
      </p:sp>
      <p:pic>
        <p:nvPicPr>
          <p:cNvPr id="7" name="Graphic 6" descr="List with solid fill">
            <a:extLst>
              <a:ext uri="{FF2B5EF4-FFF2-40B4-BE49-F238E27FC236}">
                <a16:creationId xmlns:a16="http://schemas.microsoft.com/office/drawing/2014/main" id="{9EF3EB0F-6234-61B8-3EFC-EE5A8CE6CD4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91150" y="1085850"/>
            <a:ext cx="1333500" cy="1333500"/>
          </a:xfrm>
          <a:prstGeom prst="rect">
            <a:avLst/>
          </a:prstGeo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85999AC-6364-F35D-0607-8F6F69DE6A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6929082"/>
      </p:ext>
    </p:extLst>
  </p:cSld>
  <p:clrMapOvr>
    <a:masterClrMapping/>
  </p:clrMapOvr>
  <p:transition spd="slow" advTm="0"/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1756F7-14BE-D9CB-0A48-F8EA5177CB54}"/>
              </a:ext>
            </a:extLst>
          </p:cNvPr>
          <p:cNvSpPr>
            <a:spLocks noGrp="1"/>
          </p:cNvSpPr>
          <p:nvPr/>
        </p:nvSpPr>
        <p:spPr>
          <a:xfrm>
            <a:off x="4526461" y="256673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>
                <a:solidFill>
                  <a:schemeClr val="bg1"/>
                </a:solidFill>
                <a:ea typeface="+mj-lt"/>
                <a:cs typeface="+mj-lt"/>
              </a:rPr>
              <a:t>Testing Criteria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03D4658-D2A9-44E7-2504-F06D3AB424C7}"/>
              </a:ext>
            </a:extLst>
          </p:cNvPr>
          <p:cNvSpPr>
            <a:spLocks noGrp="1"/>
          </p:cNvSpPr>
          <p:nvPr/>
        </p:nvSpPr>
        <p:spPr>
          <a:xfrm>
            <a:off x="464695" y="1259175"/>
            <a:ext cx="11287593" cy="5462300"/>
          </a:xfrm>
          <a:prstGeom prst="rect">
            <a:avLst/>
          </a:prstGeom>
        </p:spPr>
        <p:txBody>
          <a:bodyPr vert="horz" lIns="91440" tIns="45720" rIns="91440" bIns="45720" rtlCol="0" anchor="t">
            <a:normAutofit fontScale="55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4500" b="1">
                <a:solidFill>
                  <a:schemeClr val="bg1"/>
                </a:solidFill>
                <a:ea typeface="+mn-lt"/>
                <a:cs typeface="+mn-lt"/>
              </a:rPr>
              <a:t>PHASE 1 : Simulation</a:t>
            </a:r>
          </a:p>
          <a:p>
            <a:pPr lvl="1"/>
            <a:r>
              <a:rPr lang="en-US" sz="4100">
                <a:solidFill>
                  <a:schemeClr val="bg1"/>
                </a:solidFill>
                <a:ea typeface="+mn-lt"/>
                <a:cs typeface="+mn-lt"/>
              </a:rPr>
              <a:t>Develop Simulation model of vehicle using GAZEBO</a:t>
            </a:r>
          </a:p>
          <a:p>
            <a:pPr lvl="1"/>
            <a:r>
              <a:rPr lang="en-US" sz="4100">
                <a:solidFill>
                  <a:schemeClr val="bg1"/>
                </a:solidFill>
                <a:ea typeface="+mn-lt"/>
                <a:cs typeface="+mn-lt"/>
              </a:rPr>
              <a:t>Test Model for different scenarios</a:t>
            </a:r>
          </a:p>
          <a:p>
            <a:pPr marL="0" indent="0">
              <a:buNone/>
            </a:pPr>
            <a:r>
              <a:rPr lang="en-US" sz="4500" b="1">
                <a:solidFill>
                  <a:schemeClr val="bg1"/>
                </a:solidFill>
                <a:ea typeface="+mn-lt"/>
                <a:cs typeface="+mn-lt"/>
              </a:rPr>
              <a:t>PHASE 2 : Remote Control Testing</a:t>
            </a:r>
          </a:p>
          <a:p>
            <a:pPr marL="0" indent="0">
              <a:buNone/>
            </a:pPr>
            <a:r>
              <a:rPr lang="en-US" sz="4500" b="1">
                <a:solidFill>
                  <a:schemeClr val="bg1"/>
                </a:solidFill>
                <a:ea typeface="+mn-lt"/>
                <a:cs typeface="+mn-lt"/>
              </a:rPr>
              <a:t>PHASE 3:  Low Level Controller Implementation</a:t>
            </a:r>
          </a:p>
          <a:p>
            <a:pPr marL="0" indent="0">
              <a:buNone/>
            </a:pPr>
            <a:r>
              <a:rPr lang="en-US" sz="4500" b="1">
                <a:solidFill>
                  <a:schemeClr val="bg1"/>
                </a:solidFill>
                <a:ea typeface="+mn-lt"/>
                <a:cs typeface="+mn-lt"/>
              </a:rPr>
              <a:t>Phase 4:  Trajectory Waypoints Through ROS2 </a:t>
            </a:r>
          </a:p>
          <a:p>
            <a:pPr lvl="1"/>
            <a:r>
              <a:rPr lang="en-US" sz="4100" b="1">
                <a:solidFill>
                  <a:schemeClr val="bg1"/>
                </a:solidFill>
                <a:ea typeface="+mn-lt"/>
                <a:cs typeface="+mn-lt"/>
              </a:rPr>
              <a:t>Addition of computer control of the vehicle and have it drive autonomously based on a set of stored GPS waypoints.</a:t>
            </a:r>
          </a:p>
          <a:p>
            <a:pPr marL="0" indent="0">
              <a:buNone/>
            </a:pPr>
            <a:r>
              <a:rPr lang="en-US" sz="4500" b="1">
                <a:solidFill>
                  <a:srgbClr val="FFFF00"/>
                </a:solidFill>
                <a:ea typeface="+mn-lt"/>
                <a:cs typeface="+mn-lt"/>
              </a:rPr>
              <a:t>FYP SCOPE TILL HERE</a:t>
            </a:r>
          </a:p>
          <a:p>
            <a:pPr marL="0" indent="0">
              <a:buNone/>
            </a:pPr>
            <a:r>
              <a:rPr lang="en-US" sz="4500" b="1">
                <a:solidFill>
                  <a:schemeClr val="bg1"/>
                </a:solidFill>
                <a:ea typeface="+mn-lt"/>
                <a:cs typeface="+mn-lt"/>
              </a:rPr>
              <a:t>Phase 4: Obstacle Avoidance</a:t>
            </a:r>
          </a:p>
          <a:p>
            <a:pPr lvl="1"/>
            <a:r>
              <a:rPr lang="en-US" sz="4100" b="1">
                <a:solidFill>
                  <a:schemeClr val="bg1"/>
                </a:solidFill>
                <a:ea typeface="+mn-lt"/>
                <a:cs typeface="+mn-lt"/>
              </a:rPr>
              <a:t>Phase 4 is to have the vehicle run autonomously and avoid obstacles using LIDAR and other sensors.</a:t>
            </a:r>
          </a:p>
          <a:p>
            <a:pPr marL="0" indent="0">
              <a:buNone/>
            </a:pPr>
            <a:r>
              <a:rPr lang="en-US" sz="4500" b="1">
                <a:solidFill>
                  <a:schemeClr val="bg1"/>
                </a:solidFill>
                <a:ea typeface="+mn-lt"/>
                <a:cs typeface="+mn-lt"/>
              </a:rPr>
              <a:t>Phase 5: Feature Addition</a:t>
            </a:r>
          </a:p>
          <a:p>
            <a:pPr lvl="1"/>
            <a:r>
              <a:rPr lang="en-US" sz="4100" b="1">
                <a:solidFill>
                  <a:schemeClr val="bg1"/>
                </a:solidFill>
                <a:ea typeface="+mn-lt"/>
                <a:cs typeface="+mn-lt"/>
              </a:rPr>
              <a:t>Phase 5 is to have the vehicle autonomously traverse a specific bounded area and map its environment.</a:t>
            </a:r>
            <a:endParaRPr lang="en-US" sz="4100" b="1">
              <a:solidFill>
                <a:schemeClr val="bg1"/>
              </a:solidFill>
              <a:cs typeface="Calibri"/>
            </a:endParaRPr>
          </a:p>
          <a:p>
            <a:pPr marL="457200" indent="-457200"/>
            <a:endParaRPr lang="en-US">
              <a:solidFill>
                <a:schemeClr val="bg1"/>
              </a:solidFill>
              <a:cs typeface="Calibri"/>
            </a:endParaRPr>
          </a:p>
          <a:p>
            <a:pPr marL="457200" indent="-457200"/>
            <a:endParaRPr lang="en-US">
              <a:solidFill>
                <a:schemeClr val="bg1"/>
              </a:solidFill>
              <a:cs typeface="Calibri"/>
            </a:endParaRPr>
          </a:p>
          <a:p>
            <a:pPr marL="457200" indent="-457200"/>
            <a:endParaRPr lang="en-US">
              <a:solidFill>
                <a:schemeClr val="bg1"/>
              </a:solidFill>
              <a:cs typeface="Calibri"/>
            </a:endParaRPr>
          </a:p>
          <a:p>
            <a:endParaRPr lang="en-US">
              <a:solidFill>
                <a:schemeClr val="bg1"/>
              </a:solidFill>
              <a:cs typeface="Calibri"/>
            </a:endParaRP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918B64B-EB2A-ED0C-C55F-59C27F0FD5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9120605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8A42B65-566C-0A41-B8C2-5032B07BD196}"/>
              </a:ext>
            </a:extLst>
          </p:cNvPr>
          <p:cNvSpPr/>
          <p:nvPr/>
        </p:nvSpPr>
        <p:spPr>
          <a:xfrm>
            <a:off x="2869581" y="202582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674933B-DF67-D14D-ACC6-194EA400210B}"/>
              </a:ext>
            </a:extLst>
          </p:cNvPr>
          <p:cNvSpPr/>
          <p:nvPr/>
        </p:nvSpPr>
        <p:spPr>
          <a:xfrm>
            <a:off x="2892242" y="3105607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EASE OF </a:t>
            </a:r>
          </a:p>
        </p:txBody>
      </p:sp>
      <p:pic>
        <p:nvPicPr>
          <p:cNvPr id="6" name="Graphic 5" descr="Diamond with solid fill">
            <a:extLst>
              <a:ext uri="{FF2B5EF4-FFF2-40B4-BE49-F238E27FC236}">
                <a16:creationId xmlns:a16="http://schemas.microsoft.com/office/drawing/2014/main" id="{831078BF-9CA2-F847-AF41-25946724F29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275384" y="1236785"/>
            <a:ext cx="1524000" cy="1524000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C39CFC5F-922C-05A5-0E3C-D0146B094E67}"/>
              </a:ext>
            </a:extLst>
          </p:cNvPr>
          <p:cNvSpPr/>
          <p:nvPr/>
        </p:nvSpPr>
        <p:spPr>
          <a:xfrm>
            <a:off x="2798457" y="4125515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ADOPTION  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24ECCA3-BE64-E6EF-659E-3B37CDAF66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9727588"/>
      </p:ext>
    </p:extLst>
  </p:cSld>
  <p:clrMapOvr>
    <a:masterClrMapping/>
  </p:clrMapOvr>
  <p:transition spd="slow" advTm="0"/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FB61BBA4-F9E5-D673-BA76-E51946225F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PK" smtClean="0"/>
              <a:t>28</a:t>
            </a:fld>
            <a:endParaRPr lang="en-PK"/>
          </a:p>
        </p:txBody>
      </p:sp>
      <p:graphicFrame>
        <p:nvGraphicFramePr>
          <p:cNvPr id="3" name="TextBox 2">
            <a:extLst>
              <a:ext uri="{FF2B5EF4-FFF2-40B4-BE49-F238E27FC236}">
                <a16:creationId xmlns:a16="http://schemas.microsoft.com/office/drawing/2014/main" id="{30536876-7310-9B3B-B2FB-75DB1B06F02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7475243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B5E4F5A9-9C97-4F90-A909-001FCE821DB7}"/>
              </a:ext>
            </a:extLst>
          </p:cNvPr>
          <p:cNvSpPr txBox="1"/>
          <p:nvPr/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400" b="1" i="0" u="none" strike="noStrike">
                <a:solidFill>
                  <a:schemeClr val="bg1"/>
                </a:solidFill>
                <a:effectLst/>
                <a:latin typeface="+mj-lt"/>
                <a:ea typeface="+mj-ea"/>
                <a:cs typeface="+mj-cs"/>
              </a:rPr>
              <a:t>			EASE OF ADOPTION</a:t>
            </a:r>
            <a:endParaRPr lang="en-US" sz="4400" b="1">
              <a:solidFill>
                <a:schemeClr val="bg1"/>
              </a:solidFill>
              <a:latin typeface="+mj-lt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77735060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CF187B-B0C2-C917-6536-3B20338418F5}"/>
              </a:ext>
            </a:extLst>
          </p:cNvPr>
          <p:cNvSpPr>
            <a:spLocks noGrp="1"/>
          </p:cNvSpPr>
          <p:nvPr/>
        </p:nvSpPr>
        <p:spPr>
          <a:xfrm>
            <a:off x="838200" y="2508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EXPECTED FINAL DELIVERABL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0710C23-8E48-9933-A77C-E9F763235F8D}"/>
              </a:ext>
            </a:extLst>
          </p:cNvPr>
          <p:cNvSpPr>
            <a:spLocks noGrp="1"/>
          </p:cNvSpPr>
          <p:nvPr/>
        </p:nvSpPr>
        <p:spPr>
          <a:xfrm>
            <a:off x="838200" y="17113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>
                <a:solidFill>
                  <a:schemeClr val="bg1"/>
                </a:solidFill>
              </a:rPr>
              <a:t>Expected Final Deliverable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b="1">
                <a:solidFill>
                  <a:schemeClr val="bg1"/>
                </a:solidFill>
              </a:rPr>
              <a:t>Simulation</a:t>
            </a:r>
            <a:r>
              <a:rPr lang="en-US">
                <a:solidFill>
                  <a:schemeClr val="bg1"/>
                </a:solidFill>
              </a:rPr>
              <a:t>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800">
                <a:solidFill>
                  <a:schemeClr val="bg1"/>
                </a:solidFill>
              </a:rPr>
              <a:t>PX4 software-in-loop with Gazebo and ROS2.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b="1">
                <a:solidFill>
                  <a:schemeClr val="bg1"/>
                </a:solidFill>
              </a:rPr>
              <a:t>Hardware Implementation</a:t>
            </a:r>
            <a:r>
              <a:rPr lang="en-US">
                <a:solidFill>
                  <a:schemeClr val="bg1"/>
                </a:solidFill>
              </a:rPr>
              <a:t>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800">
                <a:solidFill>
                  <a:schemeClr val="bg1"/>
                </a:solidFill>
              </a:rPr>
              <a:t>1/8 scale truck with point-to-point navigation through GPS using ROS2.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800">
                <a:solidFill>
                  <a:schemeClr val="bg1"/>
                </a:solidFill>
              </a:rPr>
              <a:t>Ground station control with live video feed.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b="1">
                <a:solidFill>
                  <a:schemeClr val="bg1"/>
                </a:solidFill>
              </a:rPr>
              <a:t>Hardware Integration</a:t>
            </a:r>
            <a:r>
              <a:rPr lang="en-US">
                <a:solidFill>
                  <a:schemeClr val="bg1"/>
                </a:solidFill>
              </a:rPr>
              <a:t>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800">
                <a:solidFill>
                  <a:schemeClr val="bg1"/>
                </a:solidFill>
              </a:rPr>
              <a:t>Interfacing LiDAR, cameras, and depth cameras to prepare for field testing.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05D217-E33B-EDF9-39B2-DE80C86AC71B}"/>
              </a:ext>
            </a:extLst>
          </p:cNvPr>
          <p:cNvSpPr>
            <a:spLocks noGrp="1"/>
          </p:cNvSpPr>
          <p:nvPr/>
        </p:nvSpPr>
        <p:spPr>
          <a:xfrm>
            <a:off x="4038600" y="62420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/>
              <a:t>Electronics and Power Engineering Department- PNEC- NUST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0370BA-5229-F153-537E-8FBDDDACEA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70207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8A42B65-566C-0A41-B8C2-5032B07BD196}"/>
              </a:ext>
            </a:extLst>
          </p:cNvPr>
          <p:cNvSpPr/>
          <p:nvPr/>
        </p:nvSpPr>
        <p:spPr>
          <a:xfrm>
            <a:off x="2869581" y="202582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674933B-DF67-D14D-ACC6-194EA400210B}"/>
              </a:ext>
            </a:extLst>
          </p:cNvPr>
          <p:cNvSpPr/>
          <p:nvPr/>
        </p:nvSpPr>
        <p:spPr>
          <a:xfrm>
            <a:off x="2892242" y="3533078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INTRODUCTION</a:t>
            </a:r>
            <a:endParaRPr lang="en-LT" sz="6000" b="1" spc="-15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anose="020B0503030101060003" pitchFamily="34" charset="77"/>
            </a:endParaRPr>
          </a:p>
        </p:txBody>
      </p:sp>
      <p:pic>
        <p:nvPicPr>
          <p:cNvPr id="7" name="Graphic 6" descr="Lights On with solid fill">
            <a:extLst>
              <a:ext uri="{FF2B5EF4-FFF2-40B4-BE49-F238E27FC236}">
                <a16:creationId xmlns:a16="http://schemas.microsoft.com/office/drawing/2014/main" id="{3169A18E-29C1-B14B-9DAC-9A1603958F7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720683" y="782444"/>
            <a:ext cx="2750634" cy="2750634"/>
          </a:xfrm>
          <a:prstGeom prst="rect">
            <a:avLst/>
          </a:prstGeom>
          <a:effectLst>
            <a:outerShdw blurRad="177800" sx="102000" sy="102000" algn="ctr" rotWithShape="0">
              <a:prstClr val="black">
                <a:alpha val="40000"/>
              </a:prstClr>
            </a:outerShdw>
          </a:effectLst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D7D29A-F3EB-10D5-AC3B-3D87A2C2F4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523264"/>
      </p:ext>
    </p:extLst>
  </p:cSld>
  <p:clrMapOvr>
    <a:masterClrMapping/>
  </p:clrMapOvr>
  <p:transition spd="slow" advTm="0"/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681B567C-7768-B998-7ECA-830C41068DC9}"/>
              </a:ext>
            </a:extLst>
          </p:cNvPr>
          <p:cNvSpPr/>
          <p:nvPr/>
        </p:nvSpPr>
        <p:spPr>
          <a:xfrm>
            <a:off x="2042010" y="266155"/>
            <a:ext cx="8032432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FUTURE DIRECTION 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B058078-03D3-D13A-2601-FC05B340D14B}"/>
              </a:ext>
            </a:extLst>
          </p:cNvPr>
          <p:cNvSpPr txBox="1"/>
          <p:nvPr/>
        </p:nvSpPr>
        <p:spPr>
          <a:xfrm>
            <a:off x="838200" y="1281818"/>
            <a:ext cx="9691626" cy="4467057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algn="just" fontAlgn="base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>
                <a:solidFill>
                  <a:schemeClr val="bg1"/>
                </a:solidFill>
                <a:latin typeface="Calibri"/>
                <a:cs typeface="Calibri"/>
              </a:rPr>
              <a:t> </a:t>
            </a:r>
            <a:r>
              <a:rPr lang="en-US" sz="2400" b="0" i="0" u="none" strike="noStrike">
                <a:solidFill>
                  <a:schemeClr val="bg1"/>
                </a:solidFill>
                <a:effectLst/>
                <a:latin typeface="Calibri"/>
                <a:cs typeface="Calibri"/>
              </a:rPr>
              <a:t>Currently designing a </a:t>
            </a:r>
            <a:r>
              <a:rPr lang="en-US" sz="2400" b="1" i="0" u="none" strike="noStrike">
                <a:solidFill>
                  <a:schemeClr val="bg1"/>
                </a:solidFill>
                <a:effectLst/>
                <a:latin typeface="Calibri"/>
                <a:cs typeface="Calibri"/>
              </a:rPr>
              <a:t>base framewor</a:t>
            </a:r>
            <a:r>
              <a:rPr lang="en-US" sz="2400" b="0" i="0" u="none" strike="noStrike">
                <a:solidFill>
                  <a:schemeClr val="bg1"/>
                </a:solidFill>
                <a:effectLst/>
                <a:latin typeface="Calibri"/>
                <a:cs typeface="Calibri"/>
              </a:rPr>
              <a:t>k on which future implementations/specifications can </a:t>
            </a:r>
            <a:r>
              <a:rPr lang="en-US" sz="2400">
                <a:solidFill>
                  <a:schemeClr val="bg1"/>
                </a:solidFill>
                <a:latin typeface="Calibri"/>
                <a:cs typeface="Calibri"/>
              </a:rPr>
              <a:t>  </a:t>
            </a:r>
            <a:r>
              <a:rPr lang="en-US" sz="2400" b="0" i="0" u="none" strike="noStrike">
                <a:solidFill>
                  <a:schemeClr val="bg1"/>
                </a:solidFill>
                <a:effectLst/>
                <a:latin typeface="Calibri"/>
                <a:cs typeface="Calibri"/>
              </a:rPr>
              <a:t>be added based on scenario</a:t>
            </a:r>
            <a:r>
              <a:rPr lang="en-US" sz="2400" b="0" i="0">
                <a:solidFill>
                  <a:schemeClr val="bg1"/>
                </a:solidFill>
                <a:effectLst/>
                <a:latin typeface="Calibri"/>
                <a:cs typeface="Calibri"/>
              </a:rPr>
              <a:t>​</a:t>
            </a:r>
            <a:endParaRPr lang="en-US" sz="2000">
              <a:solidFill>
                <a:schemeClr val="bg1"/>
              </a:solidFill>
              <a:cs typeface="Calibri" panose="020F0502020204030204"/>
            </a:endParaRPr>
          </a:p>
          <a:p>
            <a:pPr algn="just" fontAlgn="base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>
                <a:solidFill>
                  <a:schemeClr val="bg1"/>
                </a:solidFill>
                <a:latin typeface="Calibri"/>
                <a:cs typeface="Calibri"/>
              </a:rPr>
              <a:t> </a:t>
            </a:r>
            <a:r>
              <a:rPr lang="en-US" sz="2400" b="1" i="0" u="none" strike="noStrike">
                <a:solidFill>
                  <a:srgbClr val="FFFF00"/>
                </a:solidFill>
                <a:effectLst/>
                <a:latin typeface="Calibri"/>
                <a:cs typeface="Calibri"/>
              </a:rPr>
              <a:t>Robotic hand or tools</a:t>
            </a:r>
            <a:r>
              <a:rPr lang="en-US" sz="2400" b="0" i="0" u="none" strike="noStrike">
                <a:solidFill>
                  <a:schemeClr val="bg1"/>
                </a:solidFill>
                <a:effectLst/>
                <a:latin typeface="Calibri"/>
                <a:cs typeface="Calibri"/>
              </a:rPr>
              <a:t> can be mounted and integrated for manufacturing purposes</a:t>
            </a:r>
            <a:r>
              <a:rPr lang="en-US" sz="2400" b="0" i="0">
                <a:solidFill>
                  <a:schemeClr val="bg1"/>
                </a:solidFill>
                <a:effectLst/>
                <a:latin typeface="Calibri"/>
                <a:cs typeface="Calibri"/>
              </a:rPr>
              <a:t>​</a:t>
            </a:r>
          </a:p>
          <a:p>
            <a:pPr algn="just" fontAlgn="base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>
                <a:solidFill>
                  <a:schemeClr val="bg1"/>
                </a:solidFill>
                <a:latin typeface="Calibri"/>
                <a:cs typeface="Calibri"/>
              </a:rPr>
              <a:t> </a:t>
            </a:r>
            <a:r>
              <a:rPr lang="en-US" sz="2400" b="1" i="0" u="none" strike="noStrike">
                <a:solidFill>
                  <a:srgbClr val="FFFF00"/>
                </a:solidFill>
                <a:effectLst/>
                <a:latin typeface="Calibri"/>
                <a:cs typeface="Calibri"/>
              </a:rPr>
              <a:t>Spraying Mechanism</a:t>
            </a:r>
            <a:r>
              <a:rPr lang="en-US" sz="2400" b="0" i="0" u="none" strike="noStrike">
                <a:solidFill>
                  <a:srgbClr val="FFFF00"/>
                </a:solidFill>
                <a:effectLst/>
                <a:latin typeface="Calibri"/>
                <a:cs typeface="Calibri"/>
              </a:rPr>
              <a:t> </a:t>
            </a:r>
            <a:r>
              <a:rPr lang="en-US" sz="2400" b="0" i="0" u="none" strike="noStrike">
                <a:solidFill>
                  <a:schemeClr val="bg1"/>
                </a:solidFill>
                <a:effectLst/>
                <a:latin typeface="Calibri"/>
                <a:cs typeface="Calibri"/>
              </a:rPr>
              <a:t>with </a:t>
            </a:r>
            <a:r>
              <a:rPr lang="en-US" sz="2400" b="1" i="0" u="none" strike="noStrike">
                <a:solidFill>
                  <a:srgbClr val="FFFF00"/>
                </a:solidFill>
                <a:effectLst/>
                <a:latin typeface="Calibri"/>
                <a:cs typeface="Calibri"/>
              </a:rPr>
              <a:t>Object Detection Model</a:t>
            </a:r>
            <a:r>
              <a:rPr lang="en-US" sz="2400" b="0" i="0" u="none" strike="noStrike">
                <a:solidFill>
                  <a:schemeClr val="bg1"/>
                </a:solidFill>
                <a:effectLst/>
                <a:latin typeface="Calibri"/>
                <a:cs typeface="Calibri"/>
              </a:rPr>
              <a:t> can be added for Agriculture purpose</a:t>
            </a:r>
            <a:r>
              <a:rPr lang="en-US" sz="2400" b="0" i="0">
                <a:solidFill>
                  <a:schemeClr val="bg1"/>
                </a:solidFill>
                <a:effectLst/>
                <a:latin typeface="Calibri"/>
                <a:cs typeface="Calibri"/>
              </a:rPr>
              <a:t>​</a:t>
            </a:r>
          </a:p>
          <a:p>
            <a:pPr algn="just" fontAlgn="base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>
                <a:solidFill>
                  <a:schemeClr val="bg1"/>
                </a:solidFill>
                <a:latin typeface="Calibri"/>
                <a:cs typeface="Calibri"/>
              </a:rPr>
              <a:t> </a:t>
            </a:r>
            <a:r>
              <a:rPr lang="en-US" sz="2400" b="0" i="0" u="none" strike="noStrike">
                <a:solidFill>
                  <a:schemeClr val="bg1"/>
                </a:solidFill>
                <a:effectLst/>
                <a:latin typeface="Calibri"/>
                <a:cs typeface="Calibri"/>
              </a:rPr>
              <a:t>Software system can be altered for </a:t>
            </a:r>
            <a:r>
              <a:rPr lang="en-US" sz="2400" b="1" i="0" u="none" strike="noStrike">
                <a:solidFill>
                  <a:srgbClr val="FFFF00"/>
                </a:solidFill>
                <a:effectLst/>
                <a:latin typeface="Calibri"/>
                <a:cs typeface="Calibri"/>
              </a:rPr>
              <a:t>surveillance situations</a:t>
            </a:r>
            <a:r>
              <a:rPr lang="en-US" sz="2400" b="1" i="0">
                <a:solidFill>
                  <a:srgbClr val="FFFF00"/>
                </a:solidFill>
                <a:effectLst/>
                <a:latin typeface="Calibri"/>
                <a:cs typeface="Calibri"/>
              </a:rPr>
              <a:t>​</a:t>
            </a:r>
          </a:p>
          <a:p>
            <a:pPr algn="just" fontAlgn="base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>
                <a:solidFill>
                  <a:schemeClr val="bg1"/>
                </a:solidFill>
                <a:latin typeface="Calibri"/>
                <a:cs typeface="Calibri"/>
              </a:rPr>
              <a:t> </a:t>
            </a:r>
            <a:r>
              <a:rPr lang="en-US" sz="2400" b="1" i="0" u="none" strike="noStrike">
                <a:solidFill>
                  <a:srgbClr val="FFFF00"/>
                </a:solidFill>
                <a:effectLst/>
                <a:latin typeface="Calibri"/>
                <a:cs typeface="Calibri"/>
              </a:rPr>
              <a:t>Weapon system</a:t>
            </a:r>
            <a:r>
              <a:rPr lang="en-US" sz="2400" b="0" i="0" u="none" strike="noStrike">
                <a:solidFill>
                  <a:srgbClr val="FFFF00"/>
                </a:solidFill>
                <a:effectLst/>
                <a:latin typeface="Calibri"/>
                <a:cs typeface="Calibri"/>
              </a:rPr>
              <a:t> </a:t>
            </a:r>
            <a:r>
              <a:rPr lang="en-US" sz="2400" b="0" i="0" u="none" strike="noStrike">
                <a:solidFill>
                  <a:schemeClr val="bg1"/>
                </a:solidFill>
                <a:effectLst/>
                <a:latin typeface="Calibri"/>
                <a:cs typeface="Calibri"/>
              </a:rPr>
              <a:t>can be mounted for military use</a:t>
            </a:r>
            <a:r>
              <a:rPr lang="en-US" sz="2400" b="0" i="0">
                <a:solidFill>
                  <a:schemeClr val="bg1"/>
                </a:solidFill>
                <a:effectLst/>
                <a:latin typeface="Calibri"/>
                <a:cs typeface="Calibri"/>
              </a:rPr>
              <a:t>​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82C9A3B-B0C2-022F-5673-8AC093E168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3125132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4AFAC6AD-E06A-BD4A-AB39-35849B2BFA2D}"/>
              </a:ext>
            </a:extLst>
          </p:cNvPr>
          <p:cNvCxnSpPr>
            <a:cxnSpLocks/>
          </p:cNvCxnSpPr>
          <p:nvPr/>
        </p:nvCxnSpPr>
        <p:spPr>
          <a:xfrm flipV="1">
            <a:off x="3273360" y="3505200"/>
            <a:ext cx="1146240" cy="971939"/>
          </a:xfrm>
          <a:prstGeom prst="line">
            <a:avLst/>
          </a:prstGeom>
          <a:solidFill>
            <a:srgbClr val="12231D">
              <a:alpha val="40000"/>
            </a:srgbClr>
          </a:solidFill>
          <a:ln w="63500" cap="rnd">
            <a:solidFill>
              <a:schemeClr val="bg1"/>
            </a:solidFill>
            <a:prstDash val="sysDot"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70ECD39E-EC9A-954A-B4CF-9BCD99C8CFAE}"/>
              </a:ext>
            </a:extLst>
          </p:cNvPr>
          <p:cNvCxnSpPr>
            <a:cxnSpLocks/>
          </p:cNvCxnSpPr>
          <p:nvPr/>
        </p:nvCxnSpPr>
        <p:spPr>
          <a:xfrm flipH="1" flipV="1">
            <a:off x="5715000" y="3238500"/>
            <a:ext cx="1235266" cy="1014011"/>
          </a:xfrm>
          <a:prstGeom prst="line">
            <a:avLst/>
          </a:prstGeom>
          <a:solidFill>
            <a:srgbClr val="12231D">
              <a:alpha val="40000"/>
            </a:srgbClr>
          </a:solidFill>
          <a:ln w="63500" cap="rnd">
            <a:solidFill>
              <a:schemeClr val="bg1"/>
            </a:solidFill>
            <a:prstDash val="sysDot"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sp>
        <p:nvSpPr>
          <p:cNvPr id="24" name="Rectangle 23">
            <a:extLst>
              <a:ext uri="{FF2B5EF4-FFF2-40B4-BE49-F238E27FC236}">
                <a16:creationId xmlns:a16="http://schemas.microsoft.com/office/drawing/2014/main" id="{05D0BD90-6384-4F42-BDBE-A945AF012A9F}"/>
              </a:ext>
            </a:extLst>
          </p:cNvPr>
          <p:cNvSpPr/>
          <p:nvPr/>
        </p:nvSpPr>
        <p:spPr>
          <a:xfrm>
            <a:off x="4867139" y="385357"/>
            <a:ext cx="2457725" cy="92333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5400" b="1" spc="300">
                <a:solidFill>
                  <a:schemeClr val="bg1"/>
                </a:solidFill>
                <a:effectLst>
                  <a:outerShdw blurRad="292100" sx="102000" sy="102000" algn="ctr" rotWithShape="0">
                    <a:prstClr val="black">
                      <a:alpha val="52000"/>
                    </a:prstClr>
                  </a:outerShdw>
                </a:effectLst>
                <a:latin typeface="Montserrat" panose="00000500000000000000" pitchFamily="2" charset="0"/>
              </a:rPr>
              <a:t>CDRB</a:t>
            </a:r>
            <a:endParaRPr lang="en-LT" sz="5400" b="1" spc="300">
              <a:solidFill>
                <a:schemeClr val="bg1"/>
              </a:solidFill>
              <a:effectLst>
                <a:outerShdw blurRad="292100" sx="102000" sy="102000" algn="ctr" rotWithShape="0">
                  <a:prstClr val="black">
                    <a:alpha val="52000"/>
                  </a:prstClr>
                </a:outerShdw>
              </a:effectLst>
              <a:latin typeface="Montserrat" panose="00000500000000000000" pitchFamily="2" charset="0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0DF68F12-370D-1E45-B388-B3EB7E9D3A9F}"/>
              </a:ext>
            </a:extLst>
          </p:cNvPr>
          <p:cNvCxnSpPr>
            <a:cxnSpLocks/>
          </p:cNvCxnSpPr>
          <p:nvPr/>
        </p:nvCxnSpPr>
        <p:spPr>
          <a:xfrm flipH="1">
            <a:off x="8282326" y="3409950"/>
            <a:ext cx="728324" cy="858586"/>
          </a:xfrm>
          <a:prstGeom prst="line">
            <a:avLst/>
          </a:prstGeom>
          <a:solidFill>
            <a:srgbClr val="12231D">
              <a:alpha val="40000"/>
            </a:srgbClr>
          </a:solidFill>
          <a:ln w="63500" cap="rnd">
            <a:solidFill>
              <a:schemeClr val="bg1"/>
            </a:solidFill>
            <a:prstDash val="sysDot"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pic>
        <p:nvPicPr>
          <p:cNvPr id="14" name="Graphic 13" descr="Laptop with solid fill">
            <a:extLst>
              <a:ext uri="{FF2B5EF4-FFF2-40B4-BE49-F238E27FC236}">
                <a16:creationId xmlns:a16="http://schemas.microsoft.com/office/drawing/2014/main" id="{627D8E0A-DB65-D906-1CEC-28E04F5F1E0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2476973" y="808019"/>
            <a:ext cx="834790" cy="834790"/>
          </a:xfrm>
          <a:prstGeom prst="rect">
            <a:avLst/>
          </a:prstGeom>
        </p:spPr>
      </p:pic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35" name="Section Zoom 34">
                <a:extLst>
                  <a:ext uri="{FF2B5EF4-FFF2-40B4-BE49-F238E27FC236}">
                    <a16:creationId xmlns:a16="http://schemas.microsoft.com/office/drawing/2014/main" id="{EBC7F4C7-DA0B-B6BC-2735-84F39B2BC499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2216428268"/>
                  </p:ext>
                </p:extLst>
              </p:nvPr>
            </p:nvGraphicFramePr>
            <p:xfrm>
              <a:off x="797704" y="4241891"/>
              <a:ext cx="3048000" cy="1714500"/>
            </p:xfrm>
            <a:graphic>
              <a:graphicData uri="http://schemas.microsoft.com/office/powerpoint/2016/sectionzoom">
                <psez:sectionZm>
                  <psez:sectionZmObj sectionId="{5710C97D-6E16-453B-BB31-D22EFCD1A563}">
                    <psez:zmPr id="{4721E84D-DB4E-4CDF-A5FD-D66366A5586B}" transitionDur="1000" showBg="0">
                      <p166:blipFill xmlns:p166="http://schemas.microsoft.com/office/powerpoint/2016/6/main">
                        <a:blip r:embed="rId5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3048000" cy="1714500"/>
                        </a:xfrm>
                        <a:prstGeom prst="rect">
                          <a:avLst/>
                        </a:prstGeom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35" name="Section Zoom 34">
                <a:hlinkClick r:id="rId6" action="ppaction://hlinksldjump"/>
                <a:extLst>
                  <a:ext uri="{FF2B5EF4-FFF2-40B4-BE49-F238E27FC236}">
                    <a16:creationId xmlns:a16="http://schemas.microsoft.com/office/drawing/2014/main" id="{EBC7F4C7-DA0B-B6BC-2735-84F39B2BC499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797704" y="4241891"/>
                <a:ext cx="3048000" cy="1714500"/>
              </a:xfrm>
              <a:prstGeom prst="rect">
                <a:avLst/>
              </a:prstGeom>
            </p:spPr>
          </p:pic>
        </mc:Fallback>
      </mc:AlternateContent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CAE1B8A7-8C97-5E87-BAE0-F35CD03769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31</a:t>
            </a:fld>
            <a:endParaRPr lang="en-US"/>
          </a:p>
        </p:txBody>
      </p:sp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30" name="Section Zoom 29">
                <a:extLst>
                  <a:ext uri="{FF2B5EF4-FFF2-40B4-BE49-F238E27FC236}">
                    <a16:creationId xmlns:a16="http://schemas.microsoft.com/office/drawing/2014/main" id="{E4508F67-05AC-CE18-B0F3-536C75485600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3034947063"/>
                  </p:ext>
                </p:extLst>
              </p:nvPr>
            </p:nvGraphicFramePr>
            <p:xfrm>
              <a:off x="3465976" y="1531523"/>
              <a:ext cx="3048000" cy="1714500"/>
            </p:xfrm>
            <a:graphic>
              <a:graphicData uri="http://schemas.microsoft.com/office/powerpoint/2016/sectionzoom">
                <psez:sectionZm>
                  <psez:sectionZmObj sectionId="{A6AABC09-E8D3-4A89-8CA0-B9135013C94E}">
                    <psez:zmPr id="{5DB6DDF8-5EC1-43C8-9B4C-1A642CCBAA4D}" transitionDur="1000" showBg="0">
                      <p166:blipFill xmlns:p166="http://schemas.microsoft.com/office/powerpoint/2016/6/main">
                        <a:blip r:embed="rId8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3048000" cy="1714500"/>
                        </a:xfrm>
                        <a:prstGeom prst="rect">
                          <a:avLst/>
                        </a:prstGeom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30" name="Section Zoom 29">
                <a:hlinkClick r:id="rId9" action="ppaction://hlinksldjump"/>
                <a:extLst>
                  <a:ext uri="{FF2B5EF4-FFF2-40B4-BE49-F238E27FC236}">
                    <a16:creationId xmlns:a16="http://schemas.microsoft.com/office/drawing/2014/main" id="{E4508F67-05AC-CE18-B0F3-536C75485600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10"/>
              <a:stretch>
                <a:fillRect/>
              </a:stretch>
            </p:blipFill>
            <p:spPr>
              <a:xfrm>
                <a:off x="3465976" y="1531523"/>
                <a:ext cx="3048000" cy="17145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40" name="Section Zoom 39">
                <a:extLst>
                  <a:ext uri="{FF2B5EF4-FFF2-40B4-BE49-F238E27FC236}">
                    <a16:creationId xmlns:a16="http://schemas.microsoft.com/office/drawing/2014/main" id="{BD7C68AB-E9A1-B162-3A32-B8FC94AFFE25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53062979"/>
                  </p:ext>
                </p:extLst>
              </p:nvPr>
            </p:nvGraphicFramePr>
            <p:xfrm>
              <a:off x="6286457" y="4345130"/>
              <a:ext cx="3048000" cy="1714500"/>
            </p:xfrm>
            <a:graphic>
              <a:graphicData uri="http://schemas.microsoft.com/office/powerpoint/2016/sectionzoom">
                <psez:sectionZm>
                  <psez:sectionZmObj sectionId="{0E97CDB0-FB89-4B12-8210-8754159FF0CD}">
                    <psez:zmPr id="{EE6EC7BF-CBBC-4FFC-BFAD-CFC4A842FD42}" transitionDur="1000" showBg="0">
                      <p166:blipFill xmlns:p166="http://schemas.microsoft.com/office/powerpoint/2016/6/main">
                        <a:blip r:embed="rId11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3048000" cy="1714500"/>
                        </a:xfrm>
                        <a:prstGeom prst="rect">
                          <a:avLst/>
                        </a:prstGeom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40" name="Section Zoom 39">
                <a:hlinkClick r:id="rId12" action="ppaction://hlinksldjump"/>
                <a:extLst>
                  <a:ext uri="{FF2B5EF4-FFF2-40B4-BE49-F238E27FC236}">
                    <a16:creationId xmlns:a16="http://schemas.microsoft.com/office/drawing/2014/main" id="{BD7C68AB-E9A1-B162-3A32-B8FC94AFFE25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6286457" y="4345130"/>
                <a:ext cx="3048000" cy="17145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sez="http://schemas.microsoft.com/office/powerpoint/2016/sectionzoom">
        <mc:Choice Requires="psez">
          <p:graphicFrame>
            <p:nvGraphicFramePr>
              <p:cNvPr id="42" name="Section Zoom 41">
                <a:extLst>
                  <a:ext uri="{FF2B5EF4-FFF2-40B4-BE49-F238E27FC236}">
                    <a16:creationId xmlns:a16="http://schemas.microsoft.com/office/drawing/2014/main" id="{ACD85493-C6B5-0223-6F29-F0D203F265AC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236036255"/>
                  </p:ext>
                </p:extLst>
              </p:nvPr>
            </p:nvGraphicFramePr>
            <p:xfrm>
              <a:off x="8289229" y="1451487"/>
              <a:ext cx="3048000" cy="1714500"/>
            </p:xfrm>
            <a:graphic>
              <a:graphicData uri="http://schemas.microsoft.com/office/powerpoint/2016/sectionzoom">
                <psez:sectionZm>
                  <psez:sectionZmObj sectionId="{ACE69075-190D-41C3-ACFB-CFEE448193AC}">
                    <psez:zmPr id="{5E036CCF-A685-433C-A2A8-96C8E662DCCF}" transitionDur="1000" showBg="0">
                      <p166:blipFill xmlns:p166="http://schemas.microsoft.com/office/powerpoint/2016/6/main">
                        <a:blip r:embed="rId14"/>
                        <a:stretch>
                          <a:fillRect/>
                        </a:stretch>
                      </p166:blipFill>
                      <p166:spPr xmlns:p166="http://schemas.microsoft.com/office/powerpoint/2016/6/main">
                        <a:xfrm>
                          <a:off x="0" y="0"/>
                          <a:ext cx="3048000" cy="1714500"/>
                        </a:xfrm>
                        <a:prstGeom prst="rect">
                          <a:avLst/>
                        </a:prstGeom>
                      </p166:spPr>
                    </psez:zmPr>
                  </psez:sectionZmObj>
                </psez:sectionZm>
              </a:graphicData>
            </a:graphic>
          </p:graphicFrame>
        </mc:Choice>
        <mc:Fallback xmlns="">
          <p:pic>
            <p:nvPicPr>
              <p:cNvPr id="42" name="Section Zoom 41">
                <a:hlinkClick r:id="rId15" action="ppaction://hlinksldjump"/>
                <a:extLst>
                  <a:ext uri="{FF2B5EF4-FFF2-40B4-BE49-F238E27FC236}">
                    <a16:creationId xmlns:a16="http://schemas.microsoft.com/office/drawing/2014/main" id="{ACD85493-C6B5-0223-6F29-F0D203F265AC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16"/>
              <a:stretch>
                <a:fillRect/>
              </a:stretch>
            </p:blipFill>
            <p:spPr>
              <a:xfrm>
                <a:off x="8289229" y="1451487"/>
                <a:ext cx="3048000" cy="171450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42292132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8A42B65-566C-0A41-B8C2-5032B07BD196}"/>
              </a:ext>
            </a:extLst>
          </p:cNvPr>
          <p:cNvSpPr/>
          <p:nvPr/>
        </p:nvSpPr>
        <p:spPr>
          <a:xfrm>
            <a:off x="2869581" y="202582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674933B-DF67-D14D-ACC6-194EA400210B}"/>
              </a:ext>
            </a:extLst>
          </p:cNvPr>
          <p:cNvSpPr/>
          <p:nvPr/>
        </p:nvSpPr>
        <p:spPr>
          <a:xfrm>
            <a:off x="2892242" y="3105607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ATTAINABLE 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39CFC5F-922C-05A5-0E3C-D0146B094E67}"/>
              </a:ext>
            </a:extLst>
          </p:cNvPr>
          <p:cNvSpPr/>
          <p:nvPr/>
        </p:nvSpPr>
        <p:spPr>
          <a:xfrm>
            <a:off x="2798457" y="4125515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SDG’s  </a:t>
            </a:r>
          </a:p>
        </p:txBody>
      </p:sp>
      <p:pic>
        <p:nvPicPr>
          <p:cNvPr id="7" name="Graphic 6" descr="Clipboard Checked with solid fill">
            <a:extLst>
              <a:ext uri="{FF2B5EF4-FFF2-40B4-BE49-F238E27FC236}">
                <a16:creationId xmlns:a16="http://schemas.microsoft.com/office/drawing/2014/main" id="{A3737DDA-ECC0-CB98-68BB-E91D4EEA5E1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45722" y="1014047"/>
            <a:ext cx="1500554" cy="1500554"/>
          </a:xfrm>
          <a:prstGeom prst="rect">
            <a:avLst/>
          </a:prstGeo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EC0744-2C2D-887C-7627-365BD57903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2253863"/>
      </p:ext>
    </p:extLst>
  </p:cSld>
  <p:clrMapOvr>
    <a:masterClrMapping/>
  </p:clrMapOvr>
  <p:transition spd="slow" advTm="0"/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5784E6F-A722-04E7-AF20-7200877D33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/>
              <a:t>33</a:t>
            </a:fld>
            <a:endParaRPr lang="en-US"/>
          </a:p>
        </p:txBody>
      </p:sp>
      <p:pic>
        <p:nvPicPr>
          <p:cNvPr id="3" name="Picture 2" descr="A close-up of a logo&#10;&#10;Description automatically generated">
            <a:extLst>
              <a:ext uri="{FF2B5EF4-FFF2-40B4-BE49-F238E27FC236}">
                <a16:creationId xmlns:a16="http://schemas.microsoft.com/office/drawing/2014/main" id="{C6DA6120-E56B-8A71-2881-B5373F13DB09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4237" t="3797" r="847" b="5480"/>
          <a:stretch/>
        </p:blipFill>
        <p:spPr>
          <a:xfrm>
            <a:off x="604634" y="1464984"/>
            <a:ext cx="2052240" cy="2052856"/>
          </a:xfrm>
          <a:prstGeom prst="rect">
            <a:avLst/>
          </a:prstGeom>
        </p:spPr>
      </p:pic>
      <p:pic>
        <p:nvPicPr>
          <p:cNvPr id="4" name="Picture 3" descr="A blue sign with a bird and a gavel&#10;&#10;Description automatically generated">
            <a:extLst>
              <a:ext uri="{FF2B5EF4-FFF2-40B4-BE49-F238E27FC236}">
                <a16:creationId xmlns:a16="http://schemas.microsoft.com/office/drawing/2014/main" id="{C2CAF2FE-C1B2-6B50-82EC-203FF38E69C1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3709" t="-194" r="-412" b="5439"/>
          <a:stretch/>
        </p:blipFill>
        <p:spPr>
          <a:xfrm>
            <a:off x="6044365" y="1213193"/>
            <a:ext cx="2164576" cy="2057782"/>
          </a:xfrm>
          <a:prstGeom prst="rect">
            <a:avLst/>
          </a:prstGeom>
        </p:spPr>
      </p:pic>
      <p:pic>
        <p:nvPicPr>
          <p:cNvPr id="5" name="Picture 4" descr="A yellow sign with white text&#10;&#10;Description automatically generated">
            <a:extLst>
              <a:ext uri="{FF2B5EF4-FFF2-40B4-BE49-F238E27FC236}">
                <a16:creationId xmlns:a16="http://schemas.microsoft.com/office/drawing/2014/main" id="{FFF1BDFE-8178-C64A-1363-FE7145FD1A70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l="1645" t="-16" r="415" b="5928"/>
          <a:stretch/>
        </p:blipFill>
        <p:spPr>
          <a:xfrm>
            <a:off x="3449047" y="3930333"/>
            <a:ext cx="2164289" cy="2043310"/>
          </a:xfrm>
          <a:prstGeom prst="rect">
            <a:avLst/>
          </a:prstGeom>
        </p:spPr>
      </p:pic>
      <p:pic>
        <p:nvPicPr>
          <p:cNvPr id="6" name="Picture 5" descr="A blue square with white text and a logo&#10;&#10;Description automatically generated">
            <a:extLst>
              <a:ext uri="{FF2B5EF4-FFF2-40B4-BE49-F238E27FC236}">
                <a16:creationId xmlns:a16="http://schemas.microsoft.com/office/drawing/2014/main" id="{91F90BAE-0F2D-9EDA-F7F8-E0401CB89D0A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t="-681" b="5792"/>
          <a:stretch/>
        </p:blipFill>
        <p:spPr>
          <a:xfrm>
            <a:off x="8338391" y="3972034"/>
            <a:ext cx="2238375" cy="2051666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7C2FE197-DFCB-0C18-C2AF-B90768D66B05}"/>
              </a:ext>
            </a:extLst>
          </p:cNvPr>
          <p:cNvSpPr>
            <a:spLocks noGrp="1"/>
          </p:cNvSpPr>
          <p:nvPr/>
        </p:nvSpPr>
        <p:spPr>
          <a:xfrm>
            <a:off x="3684372" y="-11077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>
                <a:solidFill>
                  <a:schemeClr val="bg1"/>
                </a:solidFill>
                <a:latin typeface="Raleway Black"/>
              </a:rPr>
              <a:t>ATTAINABLE SDGs</a:t>
            </a:r>
            <a:endParaRPr lang="en-US">
              <a:solidFill>
                <a:schemeClr val="bg1"/>
              </a:solidFill>
              <a:latin typeface="Raleway Black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70788322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F04C405-5989-C4F8-7054-48A74350518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77F1CD39-1B8A-A472-38BC-2F6A382761FA}"/>
              </a:ext>
            </a:extLst>
          </p:cNvPr>
          <p:cNvSpPr/>
          <p:nvPr/>
        </p:nvSpPr>
        <p:spPr>
          <a:xfrm>
            <a:off x="2869581" y="202582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32CB234B-8A88-5AAD-5EE7-CAEB1F81DAD7}"/>
              </a:ext>
            </a:extLst>
          </p:cNvPr>
          <p:cNvSpPr/>
          <p:nvPr/>
        </p:nvSpPr>
        <p:spPr>
          <a:xfrm>
            <a:off x="2892242" y="3105607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BUSINESS 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436B5986-1DD7-8972-7384-91D78022B080}"/>
              </a:ext>
            </a:extLst>
          </p:cNvPr>
          <p:cNvSpPr/>
          <p:nvPr/>
        </p:nvSpPr>
        <p:spPr>
          <a:xfrm>
            <a:off x="2798457" y="4125515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DIMENSION </a:t>
            </a:r>
          </a:p>
        </p:txBody>
      </p:sp>
      <p:pic>
        <p:nvPicPr>
          <p:cNvPr id="7" name="Graphic 6" descr="Clipboard Checked with solid fill">
            <a:extLst>
              <a:ext uri="{FF2B5EF4-FFF2-40B4-BE49-F238E27FC236}">
                <a16:creationId xmlns:a16="http://schemas.microsoft.com/office/drawing/2014/main" id="{C21BB694-D557-29B3-8AEE-57EC18F791C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45722" y="1014047"/>
            <a:ext cx="1500554" cy="1500554"/>
          </a:xfrm>
          <a:prstGeom prst="rect">
            <a:avLst/>
          </a:prstGeo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5D112E6-7DD6-847C-CE81-6196D2E9D5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7308161"/>
      </p:ext>
    </p:extLst>
  </p:cSld>
  <p:clrMapOvr>
    <a:masterClrMapping/>
  </p:clrMapOvr>
  <p:transition spd="slow" advTm="0"/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1" name="Rectangle 10">
            <a:extLst>
              <a:ext uri="{FF2B5EF4-FFF2-40B4-BE49-F238E27FC236}">
                <a16:creationId xmlns:a16="http://schemas.microsoft.com/office/drawing/2014/main" id="{BACC6370-2D7E-4714-9D71-7542949D7D5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F68B3F68-107C-434F-AA38-110D5EA91B8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2" y="0"/>
            <a:ext cx="12191998" cy="1575955"/>
          </a:xfrm>
          <a:prstGeom prst="rect">
            <a:avLst/>
          </a:prstGeom>
          <a:gradFill>
            <a:gsLst>
              <a:gs pos="0">
                <a:srgbClr val="000000">
                  <a:alpha val="96000"/>
                </a:srgbClr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AAD0DBB9-1A4B-4391-81D4-CB19F9AB91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8128857" y="0"/>
            <a:ext cx="4063143" cy="1576412"/>
          </a:xfrm>
          <a:prstGeom prst="rect">
            <a:avLst/>
          </a:prstGeom>
          <a:gradFill>
            <a:gsLst>
              <a:gs pos="19000">
                <a:schemeClr val="accent1">
                  <a:lumMod val="50000"/>
                  <a:alpha val="68000"/>
                </a:schemeClr>
              </a:gs>
              <a:gs pos="100000">
                <a:schemeClr val="accent1">
                  <a:alpha val="79000"/>
                </a:schemeClr>
              </a:gs>
            </a:gsLst>
            <a:lin ang="19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063BBA22-50EA-4C4D-BE05-F1CE4E63AA5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>
            <a:off x="5307777" y="-5307778"/>
            <a:ext cx="1576446" cy="12192002"/>
          </a:xfrm>
          <a:prstGeom prst="rect">
            <a:avLst/>
          </a:prstGeom>
          <a:gradFill>
            <a:gsLst>
              <a:gs pos="23000">
                <a:schemeClr val="accent1">
                  <a:alpha val="0"/>
                </a:schemeClr>
              </a:gs>
              <a:gs pos="99000">
                <a:srgbClr val="000000">
                  <a:alpha val="74000"/>
                </a:srgbClr>
              </a:gs>
            </a:gsLst>
            <a:lin ang="20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AD9C1BA7-D234-7079-874E-A2B09EAA85C2}"/>
              </a:ext>
            </a:extLst>
          </p:cNvPr>
          <p:cNvSpPr/>
          <p:nvPr/>
        </p:nvSpPr>
        <p:spPr>
          <a:xfrm>
            <a:off x="1371597" y="348865"/>
            <a:ext cx="10044023" cy="87772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700" b="1" kern="1200" spc="-150">
                <a:solidFill>
                  <a:srgbClr val="FFFFFF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+mj-lt"/>
                <a:ea typeface="+mj-ea"/>
                <a:cs typeface="+mj-cs"/>
              </a:rPr>
              <a:t>BUSINESS DIMESNION &amp; COMMERICALIZATION ASPECTS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3550D9F-E3B1-EDD8-7CF1-E527BADC75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04320" y="6455664"/>
            <a:ext cx="448056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fld id="{BD72A2A8-704E-EF48-80AE-D3783EE37A42}" type="slidenum">
              <a:rPr lang="en-US" sz="1100">
                <a:solidFill>
                  <a:schemeClr val="tx1">
                    <a:lumMod val="50000"/>
                    <a:lumOff val="50000"/>
                  </a:schemeClr>
                </a:solidFill>
              </a:rPr>
              <a:pPr>
                <a:spcAft>
                  <a:spcPts val="600"/>
                </a:spcAft>
              </a:pPr>
              <a:t>35</a:t>
            </a:fld>
            <a:endParaRPr lang="en-US" sz="110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graphicFrame>
        <p:nvGraphicFramePr>
          <p:cNvPr id="7" name="TextBox 4">
            <a:extLst>
              <a:ext uri="{FF2B5EF4-FFF2-40B4-BE49-F238E27FC236}">
                <a16:creationId xmlns:a16="http://schemas.microsoft.com/office/drawing/2014/main" id="{87E155F2-D3B4-DC84-EAC0-628B6C16014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686500457"/>
              </p:ext>
            </p:extLst>
          </p:nvPr>
        </p:nvGraphicFramePr>
        <p:xfrm>
          <a:off x="644056" y="2112579"/>
          <a:ext cx="10927829" cy="419280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945012095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39F65B37-CEE4-30BF-9386-23849E5F8850}"/>
              </a:ext>
            </a:extLst>
          </p:cNvPr>
          <p:cNvSpPr/>
          <p:nvPr/>
        </p:nvSpPr>
        <p:spPr>
          <a:xfrm>
            <a:off x="1801379" y="346365"/>
            <a:ext cx="8112642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TENTATIVE BUDGET </a:t>
            </a:r>
          </a:p>
        </p:txBody>
      </p:sp>
      <p:sp>
        <p:nvSpPr>
          <p:cNvPr id="4" name="Rectangle 1">
            <a:extLst>
              <a:ext uri="{FF2B5EF4-FFF2-40B4-BE49-F238E27FC236}">
                <a16:creationId xmlns:a16="http://schemas.microsoft.com/office/drawing/2014/main" id="{6ACDD969-7AF8-E3BD-C19B-DCC66C519443}"/>
              </a:ext>
            </a:extLst>
          </p:cNvPr>
          <p:cNvSpPr>
            <a:spLocks noChangeArrowheads="1"/>
          </p:cNvSpPr>
          <p:nvPr/>
        </p:nvSpPr>
        <p:spPr bwMode="auto">
          <a:xfrm>
            <a:off x="1806575" y="1824038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>
            <a:lvl1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8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Times New Roman" panose="02020603050405020304" pitchFamily="18" charset="0"/>
                <a:cs typeface="Times New Roman" panose="02020603050405020304" pitchFamily="18" charset="0"/>
              </a:rPr>
              <a:t> </a:t>
            </a: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95D6A8DE-3BFB-29DB-DAD1-B6E81B38294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54422495"/>
              </p:ext>
            </p:extLst>
          </p:nvPr>
        </p:nvGraphicFramePr>
        <p:xfrm>
          <a:off x="625299" y="1564801"/>
          <a:ext cx="10464801" cy="4836440"/>
        </p:xfrm>
        <a:graphic>
          <a:graphicData uri="http://schemas.openxmlformats.org/drawingml/2006/table">
            <a:tbl>
              <a:tblPr/>
              <a:tblGrid>
                <a:gridCol w="2093653">
                  <a:extLst>
                    <a:ext uri="{9D8B030D-6E8A-4147-A177-3AD203B41FA5}">
                      <a16:colId xmlns:a16="http://schemas.microsoft.com/office/drawing/2014/main" val="278684210"/>
                    </a:ext>
                  </a:extLst>
                </a:gridCol>
                <a:gridCol w="2092787">
                  <a:extLst>
                    <a:ext uri="{9D8B030D-6E8A-4147-A177-3AD203B41FA5}">
                      <a16:colId xmlns:a16="http://schemas.microsoft.com/office/drawing/2014/main" val="3268094816"/>
                    </a:ext>
                  </a:extLst>
                </a:gridCol>
                <a:gridCol w="2092787">
                  <a:extLst>
                    <a:ext uri="{9D8B030D-6E8A-4147-A177-3AD203B41FA5}">
                      <a16:colId xmlns:a16="http://schemas.microsoft.com/office/drawing/2014/main" val="4038163499"/>
                    </a:ext>
                  </a:extLst>
                </a:gridCol>
                <a:gridCol w="2092787">
                  <a:extLst>
                    <a:ext uri="{9D8B030D-6E8A-4147-A177-3AD203B41FA5}">
                      <a16:colId xmlns:a16="http://schemas.microsoft.com/office/drawing/2014/main" val="2095722419"/>
                    </a:ext>
                  </a:extLst>
                </a:gridCol>
                <a:gridCol w="2092787">
                  <a:extLst>
                    <a:ext uri="{9D8B030D-6E8A-4147-A177-3AD203B41FA5}">
                      <a16:colId xmlns:a16="http://schemas.microsoft.com/office/drawing/2014/main" val="727772603"/>
                    </a:ext>
                  </a:extLst>
                </a:gridCol>
              </a:tblGrid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1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156082"/>
                          </a:highlight>
                          <a:latin typeface="Aptos Narrow" panose="020B0004020202020204" pitchFamily="34" charset="0"/>
                        </a:rPr>
                        <a:t>Item </a:t>
                      </a:r>
                      <a:r>
                        <a:rPr lang="en-US" sz="1500" b="1" i="0">
                          <a:solidFill>
                            <a:srgbClr val="FFFFFF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1" i="0">
                        <a:solidFill>
                          <a:srgbClr val="FFFFFF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6194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2C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1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156082"/>
                          </a:highlight>
                          <a:latin typeface="Aptos Narrow" panose="020B0004020202020204" pitchFamily="34" charset="0"/>
                        </a:rPr>
                        <a:t>Description </a:t>
                      </a:r>
                      <a:r>
                        <a:rPr lang="en-US" sz="1500" b="1" i="0">
                          <a:solidFill>
                            <a:srgbClr val="FFFFFF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1" i="0">
                        <a:solidFill>
                          <a:srgbClr val="FFFFFF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6194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2C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1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156082"/>
                          </a:highlight>
                          <a:latin typeface="Aptos Narrow" panose="020B0004020202020204" pitchFamily="34" charset="0"/>
                        </a:rPr>
                        <a:t>Quantity</a:t>
                      </a:r>
                      <a:r>
                        <a:rPr lang="en-US" sz="1500" b="1" i="0">
                          <a:solidFill>
                            <a:srgbClr val="FFFFFF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1" i="0">
                        <a:solidFill>
                          <a:srgbClr val="FFFFFF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6194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2C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1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156082"/>
                          </a:highlight>
                          <a:latin typeface="Aptos Narrow" panose="020B0004020202020204" pitchFamily="34" charset="0"/>
                        </a:rPr>
                        <a:t>Unit Cost (Rs)</a:t>
                      </a:r>
                      <a:r>
                        <a:rPr lang="en-US" sz="1500" b="1" i="0">
                          <a:solidFill>
                            <a:srgbClr val="FFFFFF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1" i="0">
                        <a:solidFill>
                          <a:srgbClr val="FFFFFF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6194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2C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1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156082"/>
                          </a:highlight>
                          <a:latin typeface="Aptos Narrow" panose="020B0004020202020204" pitchFamily="34" charset="0"/>
                        </a:rPr>
                        <a:t>Total Cost (Rs)</a:t>
                      </a:r>
                      <a:r>
                        <a:rPr lang="en-US" sz="1500" b="1" i="0">
                          <a:solidFill>
                            <a:srgbClr val="FFFFFF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1" i="0">
                        <a:solidFill>
                          <a:srgbClr val="FFFFFF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6194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2C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99855496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Battery 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6194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4s 5000mah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6194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6194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1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6194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1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6194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85756952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ixhawk 6c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ontroller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0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0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68378629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aspberry PI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dge computer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13524045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1/8 scale RC car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Vehicle frame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4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4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76372193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WiFi Router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5g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2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2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80886342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Gimbal Camera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RGB camera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5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5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05143300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Depth Camera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RGBD camera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20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20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68324804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Lidar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Out-Door 60m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80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80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25689119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GPS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HERE 3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10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10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45186488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Transmitter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auto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​</a:t>
                      </a: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5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5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13635147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Telemetry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auto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​</a:t>
                      </a: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2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rial" panose="020B0604020202020204" pitchFamily="34" charset="0"/>
                        </a:rPr>
                        <a:t>2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20920373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Miscellaneous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Wiring, PCBs, etc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1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2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0E6F5"/>
                          </a:highlight>
                          <a:latin typeface="Aptos Narrow" panose="020B0004020202020204" pitchFamily="34" charset="0"/>
                        </a:rPr>
                        <a:t>2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B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45185917"/>
                  </a:ext>
                </a:extLst>
              </a:tr>
              <a:tr h="345460">
                <a:tc>
                  <a:txBody>
                    <a:bodyPr/>
                    <a:lstStyle/>
                    <a:p>
                      <a:pPr algn="l" fontAlgn="auto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auto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auto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OTAL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ase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,560,000</a:t>
                      </a:r>
                      <a:r>
                        <a:rPr lang="en-US" sz="1500" b="0" i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​</a:t>
                      </a:r>
                      <a:endParaRPr lang="en-US" sz="1500" b="0" i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78520" marR="78520" marT="39260" marB="39260" anchor="b">
                    <a:lnL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5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52625900"/>
                  </a:ext>
                </a:extLst>
              </a:tr>
            </a:tbl>
          </a:graphicData>
        </a:graphic>
      </p:graphicFrame>
      <p:sp>
        <p:nvSpPr>
          <p:cNvPr id="6" name="Rectangle 2">
            <a:extLst>
              <a:ext uri="{FF2B5EF4-FFF2-40B4-BE49-F238E27FC236}">
                <a16:creationId xmlns:a16="http://schemas.microsoft.com/office/drawing/2014/main" id="{33C42FB7-DDFA-959B-6BE6-EC85E18F6ECA}"/>
              </a:ext>
            </a:extLst>
          </p:cNvPr>
          <p:cNvSpPr>
            <a:spLocks noChangeArrowheads="1"/>
          </p:cNvSpPr>
          <p:nvPr/>
        </p:nvSpPr>
        <p:spPr bwMode="auto">
          <a:xfrm>
            <a:off x="1597025" y="1525318"/>
            <a:ext cx="14179672" cy="6463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>
            <a:lvl1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8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Times New Roman" panose="02020603050405020304" pitchFamily="18" charset="0"/>
                <a:cs typeface="Times New Roman" panose="02020603050405020304" pitchFamily="18" charset="0"/>
              </a:rPr>
              <a:t> </a:t>
            </a: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89DBB55-055D-D45D-776C-5FCD4F4575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9796203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BE78218-C6F6-B21C-0441-34F3D76356C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CEA7AAC0-DC93-7581-EEB3-74C57C372905}"/>
              </a:ext>
            </a:extLst>
          </p:cNvPr>
          <p:cNvSpPr/>
          <p:nvPr/>
        </p:nvSpPr>
        <p:spPr>
          <a:xfrm>
            <a:off x="2869581" y="202582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9A7B094B-A22A-CCC2-F0BA-8D329356B635}"/>
              </a:ext>
            </a:extLst>
          </p:cNvPr>
          <p:cNvSpPr/>
          <p:nvPr/>
        </p:nvSpPr>
        <p:spPr>
          <a:xfrm>
            <a:off x="2892242" y="3105607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GANTT 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9F12D940-A2B3-ABEA-C09A-D505B6636377}"/>
              </a:ext>
            </a:extLst>
          </p:cNvPr>
          <p:cNvSpPr/>
          <p:nvPr/>
        </p:nvSpPr>
        <p:spPr>
          <a:xfrm>
            <a:off x="2798457" y="4125515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CHART </a:t>
            </a:r>
          </a:p>
        </p:txBody>
      </p:sp>
      <p:pic>
        <p:nvPicPr>
          <p:cNvPr id="7" name="Graphic 6" descr="Clipboard Checked with solid fill">
            <a:extLst>
              <a:ext uri="{FF2B5EF4-FFF2-40B4-BE49-F238E27FC236}">
                <a16:creationId xmlns:a16="http://schemas.microsoft.com/office/drawing/2014/main" id="{63D45E68-5A3F-781A-F097-59B17E14CAB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45722" y="1014047"/>
            <a:ext cx="1500554" cy="1500554"/>
          </a:xfrm>
          <a:prstGeom prst="rect">
            <a:avLst/>
          </a:prstGeo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4E36C2-2B44-B994-9F69-CC86D9347C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7826403"/>
      </p:ext>
    </p:extLst>
  </p:cSld>
  <p:clrMapOvr>
    <a:masterClrMapping/>
  </p:clrMapOvr>
  <p:transition spd="slow" advTm="0"/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F253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3C4DEEDF-5F2D-4EBB-B3ED-1D676F7391C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448511" y="2149452"/>
            <a:ext cx="11290300" cy="1228333"/>
          </a:xfrm>
          <a:prstGeom prst="rect">
            <a:avLst/>
          </a:prstGeom>
          <a:solidFill>
            <a:srgbClr val="CCFFFF">
              <a:alpha val="41961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F10299EA-9454-427B-8E33-F05A319C3D0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448511" y="3506855"/>
            <a:ext cx="11290300" cy="796459"/>
          </a:xfrm>
          <a:prstGeom prst="rect">
            <a:avLst/>
          </a:prstGeom>
          <a:solidFill>
            <a:srgbClr val="F6E9FF">
              <a:alpha val="36863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A01BF4FE-5FC6-49CF-8766-D1639130CAC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48511" y="4384098"/>
            <a:ext cx="11277971" cy="1109711"/>
          </a:xfrm>
          <a:prstGeom prst="rect">
            <a:avLst/>
          </a:prstGeom>
          <a:solidFill>
            <a:srgbClr val="BFCEFB">
              <a:alpha val="25098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D4A2ECF-F337-4989-AB03-523A9B4A532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12066" y="6061487"/>
            <a:ext cx="11302629" cy="993017"/>
          </a:xfrm>
          <a:prstGeom prst="rect">
            <a:avLst/>
          </a:prstGeom>
          <a:solidFill>
            <a:srgbClr val="050060">
              <a:alpha val="25098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103" name="OTLSHAPE_SL2A_8a9adcc5160141b7b32729f8328893ae_BackgroundRectangle" hidden="1">
            <a:extLst>
              <a:ext uri="{FF2B5EF4-FFF2-40B4-BE49-F238E27FC236}">
                <a16:creationId xmlns:a16="http://schemas.microsoft.com/office/drawing/2014/main" id="{558E938C-D907-466B-9D39-2F5002A08E4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17465" y="2296160"/>
            <a:ext cx="10642600" cy="119998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227" name="OTLSHAPE_SL2A_8d5812ca2d4d4791badcc3f3e8ef5011_BackgroundRectangle" hidden="1">
            <a:extLst>
              <a:ext uri="{FF2B5EF4-FFF2-40B4-BE49-F238E27FC236}">
                <a16:creationId xmlns:a16="http://schemas.microsoft.com/office/drawing/2014/main" id="{94D507CC-6232-482F-BDE0-390ECC4F54E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17465" y="3559642"/>
            <a:ext cx="10642600" cy="5207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230" name="OTLSHAPE_SL2A_d857f334decf48b1af22ef32a3d6d07a_BackgroundRectangle" hidden="1">
            <a:extLst>
              <a:ext uri="{FF2B5EF4-FFF2-40B4-BE49-F238E27FC236}">
                <a16:creationId xmlns:a16="http://schemas.microsoft.com/office/drawing/2014/main" id="{7211E5FA-F979-4C39-A3DD-54B88995443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17465" y="4143842"/>
            <a:ext cx="10642600" cy="12554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233" name="OTLSHAPE_SL2A_97d511d597714f98870acde8af578136_BackgroundRectangle" hidden="1">
            <a:extLst>
              <a:ext uri="{FF2B5EF4-FFF2-40B4-BE49-F238E27FC236}">
                <a16:creationId xmlns:a16="http://schemas.microsoft.com/office/drawing/2014/main" id="{5C5E8FF2-4549-4278-886D-26DF3141F3B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717465" y="5462779"/>
            <a:ext cx="10642600" cy="736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3C5C5B5-CF69-4B37-8B1D-F0DAD2F3A95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302662" y="47266"/>
            <a:ext cx="46990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351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7EDFA690-4965-494A-A911-292C5A30359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302662" y="47266"/>
            <a:ext cx="46990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351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4" name="OTLSHAPE_M_b8c603269952439b977cb103e5f76bdb_Connector1">
            <a:extLst>
              <a:ext uri="{FF2B5EF4-FFF2-40B4-BE49-F238E27FC236}">
                <a16:creationId xmlns:a16="http://schemas.microsoft.com/office/drawing/2014/main" id="{03606440-DF72-46FF-9C5D-536C93536F3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275148" y="1314629"/>
            <a:ext cx="0" cy="435823"/>
          </a:xfrm>
          <a:prstGeom prst="line">
            <a:avLst/>
          </a:prstGeom>
          <a:ln w="9525" cap="flat" cmpd="sng" algn="ctr">
            <a:solidFill>
              <a:schemeClr val="bg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8ab908f14c74c8898ac34d2665e12f2_Connector1">
            <a:extLst>
              <a:ext uri="{FF2B5EF4-FFF2-40B4-BE49-F238E27FC236}">
                <a16:creationId xmlns:a16="http://schemas.microsoft.com/office/drawing/2014/main" id="{64D77166-88D4-4D17-8D77-AD964F8679FF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5041495" y="1261994"/>
            <a:ext cx="0" cy="486519"/>
          </a:xfrm>
          <a:prstGeom prst="line">
            <a:avLst/>
          </a:prstGeom>
          <a:ln w="9525" cap="flat" cmpd="sng" algn="ctr">
            <a:solidFill>
              <a:schemeClr val="bg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b1a2b0ad50c54f3db24b3aab69d68fc5_Connector1">
            <a:extLst>
              <a:ext uri="{FF2B5EF4-FFF2-40B4-BE49-F238E27FC236}">
                <a16:creationId xmlns:a16="http://schemas.microsoft.com/office/drawing/2014/main" id="{2B245DF7-058F-45E8-985D-F1B4BE8BFCD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655460" y="1302402"/>
            <a:ext cx="0" cy="435823"/>
          </a:xfrm>
          <a:prstGeom prst="line">
            <a:avLst/>
          </a:prstGeom>
          <a:ln w="9525" cap="flat" cmpd="sng" algn="ctr">
            <a:solidFill>
              <a:schemeClr val="bg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63FBF83-3ECB-4340-91E5-C6B27495F0A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27949" y="1730403"/>
            <a:ext cx="10515600" cy="254000"/>
          </a:xfrm>
          <a:prstGeom prst="round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DEC09F6D-2D69-4EAF-9FFA-9B739CF5306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48511" y="2143565"/>
            <a:ext cx="660400" cy="1234220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FE72ABD5-7022-4400-9C33-81BEB6F68EF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48511" y="3449291"/>
            <a:ext cx="660400" cy="8686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B794E157-4316-4C58-81B5-E9FEC88A422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48511" y="4391793"/>
            <a:ext cx="660400" cy="1102017"/>
          </a:xfrm>
          <a:prstGeom prst="rect">
            <a:avLst/>
          </a:prstGeom>
          <a:solidFill>
            <a:schemeClr val="accent1">
              <a:lumMod val="40000"/>
              <a:lumOff val="60000"/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5FBD567F-D315-432A-A6DF-F0C93DC20E1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37801" y="5559919"/>
            <a:ext cx="660400" cy="983303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101" name="OTLSHAPE_SL2A_8a9adcc5160141b7b32729f8328893ae_HeaderRectangle" hidden="1">
            <a:extLst>
              <a:ext uri="{FF2B5EF4-FFF2-40B4-BE49-F238E27FC236}">
                <a16:creationId xmlns:a16="http://schemas.microsoft.com/office/drawing/2014/main" id="{0B15F933-DBDF-4BEA-8AAB-47C93CF076E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17465" y="2296160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225" name="OTLSHAPE_SL2A_8d5812ca2d4d4791badcc3f3e8ef5011_HeaderRectangle" hidden="1">
            <a:extLst>
              <a:ext uri="{FF2B5EF4-FFF2-40B4-BE49-F238E27FC236}">
                <a16:creationId xmlns:a16="http://schemas.microsoft.com/office/drawing/2014/main" id="{809C1F55-1351-4D9A-AE90-87B090BDB6E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17465" y="3559641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228" name="OTLSHAPE_SL2A_d857f334decf48b1af22ef32a3d6d07a_HeaderRectangle" hidden="1">
            <a:extLst>
              <a:ext uri="{FF2B5EF4-FFF2-40B4-BE49-F238E27FC236}">
                <a16:creationId xmlns:a16="http://schemas.microsoft.com/office/drawing/2014/main" id="{B3BD9DFF-C72D-48F2-A9CE-BEC4409184C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17465" y="4143841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231" name="OTLSHAPE_SL2A_97d511d597714f98870acde8af578136_HeaderRectangle" hidden="1">
            <a:extLst>
              <a:ext uri="{FF2B5EF4-FFF2-40B4-BE49-F238E27FC236}">
                <a16:creationId xmlns:a16="http://schemas.microsoft.com/office/drawing/2014/main" id="{EE8EBB25-1203-4818-8600-E7E15E2360B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17465" y="5462779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039554A7-6790-48F0-94DA-E4319F8B8615}"/>
              </a:ext>
            </a:extLst>
          </p:cNvPr>
          <p:cNvCxnSpPr>
            <a:cxnSpLocks/>
          </p:cNvCxnSpPr>
          <p:nvPr>
            <p:custDataLst>
              <p:tags r:id="rId24"/>
            </p:custDataLst>
          </p:nvPr>
        </p:nvCxnSpPr>
        <p:spPr>
          <a:xfrm>
            <a:off x="2120955" y="1984405"/>
            <a:ext cx="563" cy="4558817"/>
          </a:xfrm>
          <a:prstGeom prst="line">
            <a:avLst/>
          </a:prstGeom>
          <a:ln w="9525" cap="flat" cmpd="sng" algn="ctr">
            <a:solidFill>
              <a:schemeClr val="bg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>
            <a:cxnSpLocks/>
          </p:cNvCxnSpPr>
          <p:nvPr>
            <p:custDataLst>
              <p:tags r:id="rId25"/>
            </p:custDataLst>
          </p:nvPr>
        </p:nvCxnSpPr>
        <p:spPr>
          <a:xfrm>
            <a:off x="2927232" y="1984405"/>
            <a:ext cx="1440" cy="4558817"/>
          </a:xfrm>
          <a:prstGeom prst="line">
            <a:avLst/>
          </a:prstGeom>
          <a:ln w="9525" cap="flat" cmpd="sng" algn="ctr">
            <a:solidFill>
              <a:schemeClr val="bg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793D65A5-5BE5-4707-AFDD-F9C5B977E55E}"/>
              </a:ext>
            </a:extLst>
          </p:cNvPr>
          <p:cNvCxnSpPr>
            <a:cxnSpLocks/>
          </p:cNvCxnSpPr>
          <p:nvPr>
            <p:custDataLst>
              <p:tags r:id="rId26"/>
            </p:custDataLst>
          </p:nvPr>
        </p:nvCxnSpPr>
        <p:spPr>
          <a:xfrm>
            <a:off x="3819273" y="1984405"/>
            <a:ext cx="11280" cy="4558817"/>
          </a:xfrm>
          <a:prstGeom prst="line">
            <a:avLst/>
          </a:prstGeom>
          <a:ln w="9525" cap="flat" cmpd="sng" algn="ctr">
            <a:solidFill>
              <a:schemeClr val="bg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53A4A52A-F432-4D5A-9511-11A2135E846E}"/>
              </a:ext>
            </a:extLst>
          </p:cNvPr>
          <p:cNvCxnSpPr>
            <a:cxnSpLocks/>
          </p:cNvCxnSpPr>
          <p:nvPr>
            <p:custDataLst>
              <p:tags r:id="rId27"/>
            </p:custDataLst>
          </p:nvPr>
        </p:nvCxnSpPr>
        <p:spPr>
          <a:xfrm>
            <a:off x="4682540" y="1984405"/>
            <a:ext cx="0" cy="4558817"/>
          </a:xfrm>
          <a:prstGeom prst="line">
            <a:avLst/>
          </a:prstGeom>
          <a:ln w="9525" cap="flat" cmpd="sng" algn="ctr">
            <a:solidFill>
              <a:schemeClr val="bg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99448B93-B9BC-4352-854E-52CA996BC61A}"/>
              </a:ext>
            </a:extLst>
          </p:cNvPr>
          <p:cNvCxnSpPr>
            <a:cxnSpLocks/>
          </p:cNvCxnSpPr>
          <p:nvPr>
            <p:custDataLst>
              <p:tags r:id="rId28"/>
            </p:custDataLst>
          </p:nvPr>
        </p:nvCxnSpPr>
        <p:spPr>
          <a:xfrm flipH="1">
            <a:off x="5550989" y="1984405"/>
            <a:ext cx="23593" cy="4558817"/>
          </a:xfrm>
          <a:prstGeom prst="line">
            <a:avLst/>
          </a:prstGeom>
          <a:ln w="9525" cap="flat" cmpd="sng" algn="ctr">
            <a:solidFill>
              <a:schemeClr val="bg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EA6F3A69-6691-4BB4-BF8C-9E31B1A21548}"/>
              </a:ext>
            </a:extLst>
          </p:cNvPr>
          <p:cNvCxnSpPr>
            <a:cxnSpLocks/>
          </p:cNvCxnSpPr>
          <p:nvPr>
            <p:custDataLst>
              <p:tags r:id="rId29"/>
            </p:custDataLst>
          </p:nvPr>
        </p:nvCxnSpPr>
        <p:spPr>
          <a:xfrm>
            <a:off x="6437847" y="1984405"/>
            <a:ext cx="0" cy="4558817"/>
          </a:xfrm>
          <a:prstGeom prst="line">
            <a:avLst/>
          </a:prstGeom>
          <a:ln w="9525" cap="flat" cmpd="sng" algn="ctr">
            <a:solidFill>
              <a:schemeClr val="bg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CECD8135-ABB8-4C4E-BA45-049792E3E5F8}"/>
              </a:ext>
            </a:extLst>
          </p:cNvPr>
          <p:cNvCxnSpPr>
            <a:cxnSpLocks/>
            <a:stCxn id="13" idx="2"/>
          </p:cNvCxnSpPr>
          <p:nvPr>
            <p:custDataLst>
              <p:tags r:id="rId30"/>
            </p:custDataLst>
          </p:nvPr>
        </p:nvCxnSpPr>
        <p:spPr>
          <a:xfrm flipH="1">
            <a:off x="7401902" y="1941107"/>
            <a:ext cx="73741" cy="4602115"/>
          </a:xfrm>
          <a:prstGeom prst="line">
            <a:avLst/>
          </a:prstGeom>
          <a:ln w="9525" cap="flat" cmpd="sng" algn="ctr">
            <a:solidFill>
              <a:schemeClr val="bg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80406FDC-A8D1-436D-9420-C8D4E53ACE20}"/>
              </a:ext>
            </a:extLst>
          </p:cNvPr>
          <p:cNvCxnSpPr>
            <a:cxnSpLocks/>
          </p:cNvCxnSpPr>
          <p:nvPr>
            <p:custDataLst>
              <p:tags r:id="rId31"/>
            </p:custDataLst>
          </p:nvPr>
        </p:nvCxnSpPr>
        <p:spPr>
          <a:xfrm>
            <a:off x="8221929" y="1984405"/>
            <a:ext cx="16843" cy="4558817"/>
          </a:xfrm>
          <a:prstGeom prst="line">
            <a:avLst/>
          </a:prstGeom>
          <a:ln w="9525" cap="flat" cmpd="sng" algn="ctr">
            <a:solidFill>
              <a:schemeClr val="bg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FA65BFB4-0D8F-4E46-A038-6073F39CB42F}"/>
              </a:ext>
            </a:extLst>
          </p:cNvPr>
          <p:cNvCxnSpPr>
            <a:cxnSpLocks/>
          </p:cNvCxnSpPr>
          <p:nvPr>
            <p:custDataLst>
              <p:tags r:id="rId32"/>
            </p:custDataLst>
          </p:nvPr>
        </p:nvCxnSpPr>
        <p:spPr>
          <a:xfrm>
            <a:off x="9085196" y="1984405"/>
            <a:ext cx="42283" cy="4558817"/>
          </a:xfrm>
          <a:prstGeom prst="line">
            <a:avLst/>
          </a:prstGeom>
          <a:ln w="9525" cap="flat" cmpd="sng" algn="ctr">
            <a:solidFill>
              <a:schemeClr val="bg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9">
            <a:extLst>
              <a:ext uri="{FF2B5EF4-FFF2-40B4-BE49-F238E27FC236}">
                <a16:creationId xmlns:a16="http://schemas.microsoft.com/office/drawing/2014/main" id="{409FF3DB-2C71-44EF-B3A0-43AC3A1F3225}"/>
              </a:ext>
            </a:extLst>
          </p:cNvPr>
          <p:cNvCxnSpPr>
            <a:cxnSpLocks/>
          </p:cNvCxnSpPr>
          <p:nvPr>
            <p:custDataLst>
              <p:tags r:id="rId33"/>
            </p:custDataLst>
          </p:nvPr>
        </p:nvCxnSpPr>
        <p:spPr>
          <a:xfrm>
            <a:off x="9977237" y="1984405"/>
            <a:ext cx="0" cy="4558817"/>
          </a:xfrm>
          <a:prstGeom prst="line">
            <a:avLst/>
          </a:prstGeom>
          <a:ln w="9525" cap="flat" cmpd="sng" algn="ctr">
            <a:solidFill>
              <a:schemeClr val="bg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0">
            <a:extLst>
              <a:ext uri="{FF2B5EF4-FFF2-40B4-BE49-F238E27FC236}">
                <a16:creationId xmlns:a16="http://schemas.microsoft.com/office/drawing/2014/main" id="{1AA08D55-0D5D-4F7A-9117-4ADA2397AA99}"/>
              </a:ext>
            </a:extLst>
          </p:cNvPr>
          <p:cNvCxnSpPr>
            <a:cxnSpLocks/>
          </p:cNvCxnSpPr>
          <p:nvPr>
            <p:custDataLst>
              <p:tags r:id="rId34"/>
            </p:custDataLst>
          </p:nvPr>
        </p:nvCxnSpPr>
        <p:spPr>
          <a:xfrm>
            <a:off x="10840504" y="1984405"/>
            <a:ext cx="0" cy="4558817"/>
          </a:xfrm>
          <a:prstGeom prst="line">
            <a:avLst/>
          </a:prstGeom>
          <a:ln w="9525" cap="flat" cmpd="sng" algn="ctr">
            <a:solidFill>
              <a:schemeClr val="bg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OTLSHAPE_SLT_9ce940d97a4b4fe7ac0ca3b0352deccb_Shape">
            <a:extLst>
              <a:ext uri="{FF2B5EF4-FFF2-40B4-BE49-F238E27FC236}">
                <a16:creationId xmlns:a16="http://schemas.microsoft.com/office/drawing/2014/main" id="{565FABB2-73D6-4482-9DA2-E536F30A82B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224657" y="2238399"/>
            <a:ext cx="1704808" cy="170519"/>
          </a:xfrm>
          <a:prstGeom prst="roundRect">
            <a:avLst/>
          </a:prstGeom>
          <a:solidFill>
            <a:schemeClr val="accent3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84" name="OTLSHAPE_SLT_2ff5b8e034b64a828622147da9a2f6b2_Shape">
            <a:extLst>
              <a:ext uri="{FF2B5EF4-FFF2-40B4-BE49-F238E27FC236}">
                <a16:creationId xmlns:a16="http://schemas.microsoft.com/office/drawing/2014/main" id="{00B487E9-1C90-448D-8002-CBE3C686C2D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777952" y="2516760"/>
            <a:ext cx="1095979" cy="199475"/>
          </a:xfrm>
          <a:prstGeom prst="roundRect">
            <a:avLst/>
          </a:prstGeom>
          <a:solidFill>
            <a:schemeClr val="accent3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159" name="OTLSHAPE_SLT_cf25e7caeb934b75b1efd2db71905ad5_Shape">
            <a:extLst>
              <a:ext uri="{FF2B5EF4-FFF2-40B4-BE49-F238E27FC236}">
                <a16:creationId xmlns:a16="http://schemas.microsoft.com/office/drawing/2014/main" id="{210E7290-E83D-47A9-B2CF-C0CE7767AA1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185886" y="3434637"/>
            <a:ext cx="994748" cy="195475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9528D16E-E026-46FE-AD6C-0602A2F8ACC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28306" y="1938685"/>
            <a:ext cx="4237657" cy="60959"/>
          </a:xfrm>
          <a:prstGeom prst="roundRect">
            <a:avLst/>
          </a:prstGeom>
          <a:solidFill>
            <a:srgbClr val="FFFFF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9084807B-98A1-4068-9760-466928270E9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44465" y="233426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77" name="OTLSHAPE_SLT_9ce940d97a4b4fe7ac0ca3b0352deccb_ShapePercentage" hidden="1">
            <a:extLst>
              <a:ext uri="{FF2B5EF4-FFF2-40B4-BE49-F238E27FC236}">
                <a16:creationId xmlns:a16="http://schemas.microsoft.com/office/drawing/2014/main" id="{BFA2DB09-FDB6-494B-8720-C582D1C1C663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736507" y="254287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85" name="OTLSHAPE_SLT_2ff5b8e034b64a828622147da9a2f6b2_ShapePercentage" hidden="1">
            <a:extLst>
              <a:ext uri="{FF2B5EF4-FFF2-40B4-BE49-F238E27FC236}">
                <a16:creationId xmlns:a16="http://schemas.microsoft.com/office/drawing/2014/main" id="{68644D97-F397-4E44-8ED3-5C437F50ADF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542223" y="277689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93" name="OTLSHAPE_SLT_7ca32acd5908471a904296b070111595_ShapePercentage" hidden="1">
            <a:extLst>
              <a:ext uri="{FF2B5EF4-FFF2-40B4-BE49-F238E27FC236}">
                <a16:creationId xmlns:a16="http://schemas.microsoft.com/office/drawing/2014/main" id="{5E044E81-3558-4145-9C5B-1236B2D04F3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757939" y="328388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131" name="OTLSHAPE_SLT_1548a45929d542f08ebbc364690e3865_ShapePercentage" hidden="1">
            <a:extLst>
              <a:ext uri="{FF2B5EF4-FFF2-40B4-BE49-F238E27FC236}">
                <a16:creationId xmlns:a16="http://schemas.microsoft.com/office/drawing/2014/main" id="{CC4EB573-0DCD-4453-83E5-9BE4DE462C2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585285" y="383904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139" name="OTLSHAPE_SLT_526de5b69e97497f9a5625d453beb623_ShapePercentage" hidden="1">
            <a:extLst>
              <a:ext uri="{FF2B5EF4-FFF2-40B4-BE49-F238E27FC236}">
                <a16:creationId xmlns:a16="http://schemas.microsoft.com/office/drawing/2014/main" id="{0B0E7E24-02F8-43B0-B3A5-6F6E321AF75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024061" y="383904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147" name="OTLSHAPE_SLT_2e921e95cd8d4b13a13500bc7b21bf4c_ShapePercentage" hidden="1">
            <a:extLst>
              <a:ext uri="{FF2B5EF4-FFF2-40B4-BE49-F238E27FC236}">
                <a16:creationId xmlns:a16="http://schemas.microsoft.com/office/drawing/2014/main" id="{0885BF04-2D99-4938-9D90-61106B8B3DD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434063" y="383904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155" name="OTLSHAPE_SLT_47cbe89cdf5541999ae0d3ac526194f6_ShapePercentage" hidden="1">
            <a:extLst>
              <a:ext uri="{FF2B5EF4-FFF2-40B4-BE49-F238E27FC236}">
                <a16:creationId xmlns:a16="http://schemas.microsoft.com/office/drawing/2014/main" id="{E78D9D0C-D8CB-4418-87A0-63ADAEF1629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434263" y="418194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163" name="OTLSHAPE_SLT_cf25e7caeb934b75b1efd2db71905ad5_ShapePercentage" hidden="1">
            <a:extLst>
              <a:ext uri="{FF2B5EF4-FFF2-40B4-BE49-F238E27FC236}">
                <a16:creationId xmlns:a16="http://schemas.microsoft.com/office/drawing/2014/main" id="{600317B6-7EA0-4896-86A8-3813CCB0959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542223" y="418194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171" name="OTLSHAPE_SLT_546dc3323d74464a8ef6a4e6e53f36ea_ShapePercentage" hidden="1">
            <a:extLst>
              <a:ext uri="{FF2B5EF4-FFF2-40B4-BE49-F238E27FC236}">
                <a16:creationId xmlns:a16="http://schemas.microsoft.com/office/drawing/2014/main" id="{145458B3-968D-4E99-BFA8-159E71814D3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434263" y="441596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179" name="OTLSHAPE_SLT_7d960969ddfc4dfea831723149c1842e_ShapePercentage" hidden="1">
            <a:extLst>
              <a:ext uri="{FF2B5EF4-FFF2-40B4-BE49-F238E27FC236}">
                <a16:creationId xmlns:a16="http://schemas.microsoft.com/office/drawing/2014/main" id="{5B6E6DA0-8E91-4002-BD13-A9E05BB689F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256573" y="468266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193" name="OTLSHAPE_SLT_f8a0c9eb817a49fc89569829b38c4b78_ShapePercentage" hidden="1">
            <a:extLst>
              <a:ext uri="{FF2B5EF4-FFF2-40B4-BE49-F238E27FC236}">
                <a16:creationId xmlns:a16="http://schemas.microsoft.com/office/drawing/2014/main" id="{F6FA56CE-49A5-4EB3-BD60-95A8E93C312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726923" y="519066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B2120BBA-1933-4FD7-9CFE-E7091BC0781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53589" y="2653249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latin typeface="Franklin Gothic Medium" panose="020B0603020102020204" pitchFamily="34" charset="0"/>
              </a:rPr>
              <a:t>Plan</a:t>
            </a: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90DFB556-281C-47F7-9149-392224AA458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48511" y="3755760"/>
            <a:ext cx="660400" cy="275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solidFill>
                  <a:schemeClr val="tx2">
                    <a:lumMod val="10000"/>
                  </a:schemeClr>
                </a:solidFill>
                <a:latin typeface="Franklin Gothic Medium" panose="020B0603020102020204" pitchFamily="34" charset="0"/>
              </a:rPr>
              <a:t>Research &amp; Planning</a:t>
            </a:r>
          </a:p>
          <a:p>
            <a:pPr algn="ctr"/>
            <a:r>
              <a:rPr lang="en-US" sz="1000">
                <a:solidFill>
                  <a:schemeClr val="tx2">
                    <a:lumMod val="10000"/>
                  </a:schemeClr>
                </a:solidFill>
                <a:latin typeface="Franklin Gothic Medium" panose="020B0603020102020204" pitchFamily="34" charset="0"/>
              </a:rPr>
              <a:t>(Phase I)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645688CC-E00D-4F99-A014-401E2A73796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48511" y="4866965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solidFill>
                  <a:schemeClr val="bg1"/>
                </a:solidFill>
                <a:latin typeface="Franklin Gothic Medium" panose="020B0603020102020204" pitchFamily="34" charset="0"/>
              </a:rPr>
              <a:t>System </a:t>
            </a:r>
            <a:r>
              <a:rPr lang="en-US" sz="867">
                <a:solidFill>
                  <a:schemeClr val="bg1"/>
                </a:solidFill>
                <a:latin typeface="Franklin Gothic Medium" panose="020B0603020102020204" pitchFamily="34" charset="0"/>
              </a:rPr>
              <a:t>Development</a:t>
            </a:r>
            <a:r>
              <a:rPr lang="en-US" sz="1000">
                <a:solidFill>
                  <a:schemeClr val="bg1"/>
                </a:solidFill>
                <a:latin typeface="Franklin Gothic Medium" panose="020B0603020102020204" pitchFamily="34" charset="0"/>
              </a:rPr>
              <a:t>(Phase II)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181A9EFE-044E-44D5-B509-B88FDE24EC4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60310" y="5985489"/>
            <a:ext cx="610807" cy="1491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>
                <a:solidFill>
                  <a:schemeClr val="accent5"/>
                </a:solidFill>
                <a:latin typeface="Franklin Gothic Medium" panose="020B0603020102020204" pitchFamily="34" charset="0"/>
              </a:rPr>
              <a:t>Testing &amp; Validation </a:t>
            </a:r>
            <a:endParaRPr lang="en-US" sz="800">
              <a:solidFill>
                <a:schemeClr val="accent5"/>
              </a:solidFill>
              <a:latin typeface="Franklin Gothic Medium" panose="020B0603020102020204" pitchFamily="34" charset="0"/>
            </a:endParaRPr>
          </a:p>
          <a:p>
            <a:pPr algn="ctr"/>
            <a:r>
              <a:rPr lang="en-US" sz="1000">
                <a:solidFill>
                  <a:schemeClr val="accent5"/>
                </a:solidFill>
                <a:latin typeface="Franklin Gothic Medium" panose="020B0603020102020204" pitchFamily="34" charset="0"/>
              </a:rPr>
              <a:t>(Phase III)</a:t>
            </a:r>
          </a:p>
        </p:txBody>
      </p:sp>
      <p:sp>
        <p:nvSpPr>
          <p:cNvPr id="102" name="OTLSHAPE_SL2A_8a9adcc5160141b7b32729f8328893ae_Header" hidden="1">
            <a:extLst>
              <a:ext uri="{FF2B5EF4-FFF2-40B4-BE49-F238E27FC236}">
                <a16:creationId xmlns:a16="http://schemas.microsoft.com/office/drawing/2014/main" id="{A9B314D4-CE90-44FC-986D-DF8B5457D1E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2A_8d5812ca2d4d4791badcc3f3e8ef5011_Header" hidden="1">
            <a:extLst>
              <a:ext uri="{FF2B5EF4-FFF2-40B4-BE49-F238E27FC236}">
                <a16:creationId xmlns:a16="http://schemas.microsoft.com/office/drawing/2014/main" id="{B9537DC8-F4F6-45F7-A2C0-C087E658859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SL2A_d857f334decf48b1af22ef32a3d6d07a_Header" hidden="1">
            <a:extLst>
              <a:ext uri="{FF2B5EF4-FFF2-40B4-BE49-F238E27FC236}">
                <a16:creationId xmlns:a16="http://schemas.microsoft.com/office/drawing/2014/main" id="{5B562D05-E1E5-4411-9494-C9D43DFCCF5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SL2A_97d511d597714f98870acde8af578136_Header" hidden="1">
            <a:extLst>
              <a:ext uri="{FF2B5EF4-FFF2-40B4-BE49-F238E27FC236}">
                <a16:creationId xmlns:a16="http://schemas.microsoft.com/office/drawing/2014/main" id="{BD88DBB9-495C-40D4-B244-3E4542677AF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6A6E8C25-EA02-4B00-BDC2-92D94A244E6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089575" y="2092961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1351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02D68D6-BCEE-4CD6-A859-F8FEE9A0430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024689" y="1755053"/>
            <a:ext cx="2035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20">
                <a:solidFill>
                  <a:schemeClr val="accent5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7A889C-AF6D-42C1-8D05-20E9BED2C07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916733" y="175505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19">
                <a:solidFill>
                  <a:schemeClr val="accent5"/>
                </a:solidFill>
                <a:latin typeface="Calibri" panose="020F0502020204030204" pitchFamily="34" charset="0"/>
              </a:rPr>
              <a:t>Sept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664328E-1473-4111-93BA-CD26B24A80B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723298" y="1755053"/>
            <a:ext cx="25808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19">
                <a:solidFill>
                  <a:schemeClr val="accent5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5870EA3-B0B6-458D-9DFE-2AA92AAFBE4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615337" y="1755053"/>
            <a:ext cx="22281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19">
                <a:solidFill>
                  <a:schemeClr val="accent5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77FF8A0-EB15-459F-8D7C-D7C7E966148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478605" y="175505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19">
                <a:solidFill>
                  <a:schemeClr val="accent5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44FB1FEC-6B05-4C2B-ADE0-DCA0A6867D6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370645" y="1755053"/>
            <a:ext cx="2099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19">
                <a:solidFill>
                  <a:schemeClr val="accent5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785A5A7-BDB7-4BB4-8818-1933CDF03BC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235440" y="175505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20">
                <a:solidFill>
                  <a:schemeClr val="accent5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CE6A966A-706B-484A-A6BC-E2FFC4BB5B2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127479" y="1755053"/>
            <a:ext cx="2420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20">
                <a:solidFill>
                  <a:schemeClr val="accent5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1FB3E25-1B4D-410C-8B09-983F0806CA8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0019520" y="1755053"/>
            <a:ext cx="2276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19">
                <a:solidFill>
                  <a:schemeClr val="accent5"/>
                </a:solidFill>
                <a:latin typeface="Calibri" panose="020F0502020204030204" pitchFamily="34" charset="0"/>
              </a:rPr>
              <a:t>April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7DD6488-912F-42D7-B068-E78990AD1E3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882787" y="175505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23">
                <a:solidFill>
                  <a:schemeClr val="accent5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E69C1CAF-B0FF-4E74-BDDD-613033E6DAC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163058" y="1738225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20">
                <a:solidFill>
                  <a:schemeClr val="accent5"/>
                </a:solidFill>
                <a:latin typeface="Calibri" panose="020F0502020204030204" pitchFamily="34" charset="0"/>
              </a:rPr>
              <a:t>July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BD1E6707-9CF6-4681-83FB-0D3C21729A0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301378" y="1728499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23">
                <a:solidFill>
                  <a:schemeClr val="accent5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09E6FF19-4953-49FD-9AD0-8981123C6B9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82715" y="1541937"/>
            <a:ext cx="152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20">
                <a:solidFill>
                  <a:schemeClr val="bg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83" name="OTLSHAPE_SLT_9ce940d97a4b4fe7ac0ca3b0352deccb_Title">
            <a:extLst>
              <a:ext uri="{FF2B5EF4-FFF2-40B4-BE49-F238E27FC236}">
                <a16:creationId xmlns:a16="http://schemas.microsoft.com/office/drawing/2014/main" id="{6E16CE07-08E1-42A7-9C17-80B2CD69A4E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91569" y="2225068"/>
            <a:ext cx="1279635" cy="1627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b="1" spc="-7">
                <a:latin typeface="Calibri" panose="020F0502020204030204" pitchFamily="34" charset="0"/>
              </a:rPr>
              <a:t>Phase I Planning</a:t>
            </a:r>
          </a:p>
        </p:txBody>
      </p:sp>
      <p:sp>
        <p:nvSpPr>
          <p:cNvPr id="91" name="OTLSHAPE_SLT_2ff5b8e034b64a828622147da9a2f6b2_Title">
            <a:extLst>
              <a:ext uri="{FF2B5EF4-FFF2-40B4-BE49-F238E27FC236}">
                <a16:creationId xmlns:a16="http://schemas.microsoft.com/office/drawing/2014/main" id="{CECBA7D8-6BBD-45A7-A6DD-F6893F10036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733497" y="2536549"/>
            <a:ext cx="1257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b="1" spc="-4">
                <a:latin typeface="Calibri" panose="020F0502020204030204" pitchFamily="34" charset="0"/>
              </a:rPr>
              <a:t>Meetings with Industry</a:t>
            </a:r>
          </a:p>
        </p:txBody>
      </p:sp>
      <p:sp>
        <p:nvSpPr>
          <p:cNvPr id="134" name="OTLSHAPE_SLT_1548a45929d542f08ebbc364690e3865_Title">
            <a:extLst>
              <a:ext uri="{FF2B5EF4-FFF2-40B4-BE49-F238E27FC236}">
                <a16:creationId xmlns:a16="http://schemas.microsoft.com/office/drawing/2014/main" id="{E5FDF636-55D7-4A20-9C8C-301FB652701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223813" y="3449605"/>
            <a:ext cx="103272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b="1" spc="-7">
                <a:solidFill>
                  <a:schemeClr val="tx2">
                    <a:lumMod val="10000"/>
                  </a:schemeClr>
                </a:solidFill>
                <a:latin typeface="Calibri" panose="020F0502020204030204" pitchFamily="34" charset="0"/>
              </a:rPr>
              <a:t>Simulation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B2608199-E1A5-469C-84BF-0DF1CDB6486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173335" y="-495131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1BB2F1EB-4195-4015-AA27-F8B5D53C135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536701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C279A742-40C9-4C2F-A66C-82FD84E0C64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066F5DFB-0977-4814-9292-1B4F79A3546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536701" y="-612636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Mar 6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A63BB57E-5BF6-431A-83A9-97E25530F7C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DB63881F-2193-4367-B0C5-F7A508C4FF7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9ce940d97a4b4fe7ac0ca3b0352deccb_Duration" hidden="1">
            <a:extLst>
              <a:ext uri="{FF2B5EF4-FFF2-40B4-BE49-F238E27FC236}">
                <a16:creationId xmlns:a16="http://schemas.microsoft.com/office/drawing/2014/main" id="{FA67D1C8-F22E-42DF-A371-E1E6A17010A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536701" y="-37619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.5 days</a:t>
            </a:r>
          </a:p>
        </p:txBody>
      </p:sp>
      <p:sp>
        <p:nvSpPr>
          <p:cNvPr id="79" name="OTLSHAPE_SLT_9ce940d97a4b4fe7ac0ca3b0352deccb_TextPercentage" hidden="1">
            <a:extLst>
              <a:ext uri="{FF2B5EF4-FFF2-40B4-BE49-F238E27FC236}">
                <a16:creationId xmlns:a16="http://schemas.microsoft.com/office/drawing/2014/main" id="{8A3E1713-2104-48A5-91C8-2FFB393A17B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9ce940d97a4b4fe7ac0ca3b0352deccb_JoinedDate" hidden="1">
            <a:extLst>
              <a:ext uri="{FF2B5EF4-FFF2-40B4-BE49-F238E27FC236}">
                <a16:creationId xmlns:a16="http://schemas.microsoft.com/office/drawing/2014/main" id="{8E993295-9590-443E-90CF-82B71796A3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536701" y="-607030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 - Mar 25</a:t>
            </a:r>
          </a:p>
        </p:txBody>
      </p:sp>
      <p:sp>
        <p:nvSpPr>
          <p:cNvPr id="81" name="OTLSHAPE_SLT_9ce940d97a4b4fe7ac0ca3b0352deccb_StartDate" hidden="1">
            <a:extLst>
              <a:ext uri="{FF2B5EF4-FFF2-40B4-BE49-F238E27FC236}">
                <a16:creationId xmlns:a16="http://schemas.microsoft.com/office/drawing/2014/main" id="{E1822312-26E5-45CB-9DC7-B8CA7D00C7A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9ce940d97a4b4fe7ac0ca3b0352deccb_EndDate" hidden="1">
            <a:extLst>
              <a:ext uri="{FF2B5EF4-FFF2-40B4-BE49-F238E27FC236}">
                <a16:creationId xmlns:a16="http://schemas.microsoft.com/office/drawing/2014/main" id="{A508C649-E03E-46A5-B00A-B020D71D748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2ff5b8e034b64a828622147da9a2f6b2_Duration" hidden="1">
            <a:extLst>
              <a:ext uri="{FF2B5EF4-FFF2-40B4-BE49-F238E27FC236}">
                <a16:creationId xmlns:a16="http://schemas.microsoft.com/office/drawing/2014/main" id="{F3FF5AD7-5D4E-4DC6-BC13-EE191E44B89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536701" y="-37619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.5 days</a:t>
            </a:r>
          </a:p>
        </p:txBody>
      </p:sp>
      <p:sp>
        <p:nvSpPr>
          <p:cNvPr id="87" name="OTLSHAPE_SLT_2ff5b8e034b64a828622147da9a2f6b2_TextPercentage" hidden="1">
            <a:extLst>
              <a:ext uri="{FF2B5EF4-FFF2-40B4-BE49-F238E27FC236}">
                <a16:creationId xmlns:a16="http://schemas.microsoft.com/office/drawing/2014/main" id="{75431A35-B589-4C85-A744-F6D77815D58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2ff5b8e034b64a828622147da9a2f6b2_JoinedDate" hidden="1">
            <a:extLst>
              <a:ext uri="{FF2B5EF4-FFF2-40B4-BE49-F238E27FC236}">
                <a16:creationId xmlns:a16="http://schemas.microsoft.com/office/drawing/2014/main" id="{47414261-31C8-4EA9-AC95-BA40DF8752F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536700" y="-612636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9" name="OTLSHAPE_SLT_2ff5b8e034b64a828622147da9a2f6b2_StartDate" hidden="1">
            <a:extLst>
              <a:ext uri="{FF2B5EF4-FFF2-40B4-BE49-F238E27FC236}">
                <a16:creationId xmlns:a16="http://schemas.microsoft.com/office/drawing/2014/main" id="{054A95F8-94EA-43B8-A66B-00B52C04F8D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2ff5b8e034b64a828622147da9a2f6b2_EndDate" hidden="1">
            <a:extLst>
              <a:ext uri="{FF2B5EF4-FFF2-40B4-BE49-F238E27FC236}">
                <a16:creationId xmlns:a16="http://schemas.microsoft.com/office/drawing/2014/main" id="{FA8EABA7-A20F-42C2-8D64-E08A6180BCD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7ca32acd5908471a904296b070111595_Duration" hidden="1">
            <a:extLst>
              <a:ext uri="{FF2B5EF4-FFF2-40B4-BE49-F238E27FC236}">
                <a16:creationId xmlns:a16="http://schemas.microsoft.com/office/drawing/2014/main" id="{24AAEC0F-1EF7-4357-88F5-F932953CFDA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536701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.5 days</a:t>
            </a:r>
          </a:p>
        </p:txBody>
      </p:sp>
      <p:sp>
        <p:nvSpPr>
          <p:cNvPr id="95" name="OTLSHAPE_SLT_7ca32acd5908471a904296b070111595_TextPercentage" hidden="1">
            <a:extLst>
              <a:ext uri="{FF2B5EF4-FFF2-40B4-BE49-F238E27FC236}">
                <a16:creationId xmlns:a16="http://schemas.microsoft.com/office/drawing/2014/main" id="{80A97ACF-3176-4359-B36D-A553E51573C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7ca32acd5908471a904296b070111595_JoinedDate" hidden="1">
            <a:extLst>
              <a:ext uri="{FF2B5EF4-FFF2-40B4-BE49-F238E27FC236}">
                <a16:creationId xmlns:a16="http://schemas.microsoft.com/office/drawing/2014/main" id="{64A11A4D-BDE7-47E5-A2C5-40E45907DDA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536700" y="-535692"/>
            <a:ext cx="584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97" name="OTLSHAPE_SLT_7ca32acd5908471a904296b070111595_StartDate" hidden="1">
            <a:extLst>
              <a:ext uri="{FF2B5EF4-FFF2-40B4-BE49-F238E27FC236}">
                <a16:creationId xmlns:a16="http://schemas.microsoft.com/office/drawing/2014/main" id="{971A66A4-DC28-4344-9FCD-301438C48606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7ca32acd5908471a904296b070111595_EndDate" hidden="1">
            <a:extLst>
              <a:ext uri="{FF2B5EF4-FFF2-40B4-BE49-F238E27FC236}">
                <a16:creationId xmlns:a16="http://schemas.microsoft.com/office/drawing/2014/main" id="{6183F94E-1FA5-4166-93AE-1753E9E49BA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M_32bf83aed685467d8920db510037242f_Date" hidden="1">
            <a:extLst>
              <a:ext uri="{FF2B5EF4-FFF2-40B4-BE49-F238E27FC236}">
                <a16:creationId xmlns:a16="http://schemas.microsoft.com/office/drawing/2014/main" id="{7A0FAC7F-38BF-42F1-A34D-D5644E11617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536700" y="-77212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122" name="OTLSHAPE_SLM_2906e62c2d64423a8a6ff0cffce343fd_Date" hidden="1">
            <a:extLst>
              <a:ext uri="{FF2B5EF4-FFF2-40B4-BE49-F238E27FC236}">
                <a16:creationId xmlns:a16="http://schemas.microsoft.com/office/drawing/2014/main" id="{0D0C5B9A-16C8-433A-97F0-005A48E95CC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536700" y="-138768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0</a:t>
            </a:r>
          </a:p>
        </p:txBody>
      </p:sp>
      <p:sp>
        <p:nvSpPr>
          <p:cNvPr id="125" name="OTLSHAPE_SLM_4bee1cbe72754a708eb16eaea1d3d42c_Date" hidden="1">
            <a:extLst>
              <a:ext uri="{FF2B5EF4-FFF2-40B4-BE49-F238E27FC236}">
                <a16:creationId xmlns:a16="http://schemas.microsoft.com/office/drawing/2014/main" id="{850184B0-E29E-47EA-BBCC-C32B3DD9CEA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536700" y="-115684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128" name="OTLSHAPE_SLM_0919ae8ef9ce4bc889749ffc4f892b56_Date" hidden="1">
            <a:extLst>
              <a:ext uri="{FF2B5EF4-FFF2-40B4-BE49-F238E27FC236}">
                <a16:creationId xmlns:a16="http://schemas.microsoft.com/office/drawing/2014/main" id="{33CEC6EA-A7E3-479D-9759-6D0D932014D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536700" y="-100296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26</a:t>
            </a:r>
          </a:p>
        </p:txBody>
      </p:sp>
      <p:sp>
        <p:nvSpPr>
          <p:cNvPr id="129" name="OTLSHAPE_SLM_16a9f781fbcf4348a90d41835fa3249e_Date" hidden="1">
            <a:extLst>
              <a:ext uri="{FF2B5EF4-FFF2-40B4-BE49-F238E27FC236}">
                <a16:creationId xmlns:a16="http://schemas.microsoft.com/office/drawing/2014/main" id="{8C4D133C-831D-4B7A-8056-6AD57D99897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536700" y="-138768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4</a:t>
            </a:r>
          </a:p>
        </p:txBody>
      </p:sp>
      <p:sp>
        <p:nvSpPr>
          <p:cNvPr id="130" name="OTLSHAPE_SLM_fa8c1b1ad9f94f8e90b327437f902a11_Date" hidden="1">
            <a:extLst>
              <a:ext uri="{FF2B5EF4-FFF2-40B4-BE49-F238E27FC236}">
                <a16:creationId xmlns:a16="http://schemas.microsoft.com/office/drawing/2014/main" id="{5BC8AC8B-5A6A-4E47-A595-8EDC40F4D7F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536700" y="-77212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2</a:t>
            </a:r>
          </a:p>
        </p:txBody>
      </p:sp>
      <p:sp>
        <p:nvSpPr>
          <p:cNvPr id="132" name="OTLSHAPE_SLT_1548a45929d542f08ebbc364690e3865_Duration" hidden="1">
            <a:extLst>
              <a:ext uri="{FF2B5EF4-FFF2-40B4-BE49-F238E27FC236}">
                <a16:creationId xmlns:a16="http://schemas.microsoft.com/office/drawing/2014/main" id="{B9498E5B-E116-443A-A134-D87D2314D07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536701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6.5 days</a:t>
            </a:r>
          </a:p>
        </p:txBody>
      </p:sp>
      <p:sp>
        <p:nvSpPr>
          <p:cNvPr id="133" name="OTLSHAPE_SLT_1548a45929d542f08ebbc364690e3865_TextPercentage" hidden="1">
            <a:extLst>
              <a:ext uri="{FF2B5EF4-FFF2-40B4-BE49-F238E27FC236}">
                <a16:creationId xmlns:a16="http://schemas.microsoft.com/office/drawing/2014/main" id="{E81C8A22-1C90-41C3-B123-0DC0CF40074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1548a45929d542f08ebbc364690e3865_JoinedDate" hidden="1">
            <a:extLst>
              <a:ext uri="{FF2B5EF4-FFF2-40B4-BE49-F238E27FC236}">
                <a16:creationId xmlns:a16="http://schemas.microsoft.com/office/drawing/2014/main" id="{37F1AADD-D261-489A-A048-EB67C7DBCCE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536700" y="-689580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1 - Jun 30</a:t>
            </a:r>
          </a:p>
        </p:txBody>
      </p:sp>
      <p:sp>
        <p:nvSpPr>
          <p:cNvPr id="137" name="OTLSHAPE_SLT_1548a45929d542f08ebbc364690e3865_StartDate" hidden="1">
            <a:extLst>
              <a:ext uri="{FF2B5EF4-FFF2-40B4-BE49-F238E27FC236}">
                <a16:creationId xmlns:a16="http://schemas.microsoft.com/office/drawing/2014/main" id="{C77554D5-6120-4C90-B773-2764CC3ECE8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1548a45929d542f08ebbc364690e3865_EndDate" hidden="1">
            <a:extLst>
              <a:ext uri="{FF2B5EF4-FFF2-40B4-BE49-F238E27FC236}">
                <a16:creationId xmlns:a16="http://schemas.microsoft.com/office/drawing/2014/main" id="{24EF749C-4783-4F55-8AEB-548ED5A00B8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526de5b69e97497f9a5625d453beb623_Duration" hidden="1">
            <a:extLst>
              <a:ext uri="{FF2B5EF4-FFF2-40B4-BE49-F238E27FC236}">
                <a16:creationId xmlns:a16="http://schemas.microsoft.com/office/drawing/2014/main" id="{3905BE94-9348-4A4F-8A16-F969BFE99CB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536701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4.5 days</a:t>
            </a:r>
          </a:p>
        </p:txBody>
      </p:sp>
      <p:sp>
        <p:nvSpPr>
          <p:cNvPr id="141" name="OTLSHAPE_SLT_526de5b69e97497f9a5625d453beb623_TextPercentage" hidden="1">
            <a:extLst>
              <a:ext uri="{FF2B5EF4-FFF2-40B4-BE49-F238E27FC236}">
                <a16:creationId xmlns:a16="http://schemas.microsoft.com/office/drawing/2014/main" id="{FD8D045D-B79F-4A84-885B-37A3C542863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526de5b69e97497f9a5625d453beb623_JoinedDate" hidden="1">
            <a:extLst>
              <a:ext uri="{FF2B5EF4-FFF2-40B4-BE49-F238E27FC236}">
                <a16:creationId xmlns:a16="http://schemas.microsoft.com/office/drawing/2014/main" id="{025AEE15-B8B3-45B8-A5A9-5150BC65104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536700" y="-689580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7</a:t>
            </a:r>
          </a:p>
        </p:txBody>
      </p:sp>
      <p:sp>
        <p:nvSpPr>
          <p:cNvPr id="145" name="OTLSHAPE_SLT_526de5b69e97497f9a5625d453beb623_StartDate" hidden="1">
            <a:extLst>
              <a:ext uri="{FF2B5EF4-FFF2-40B4-BE49-F238E27FC236}">
                <a16:creationId xmlns:a16="http://schemas.microsoft.com/office/drawing/2014/main" id="{6EDBF363-0D39-4F54-95F2-E07A34E938E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526de5b69e97497f9a5625d453beb623_EndDate" hidden="1">
            <a:extLst>
              <a:ext uri="{FF2B5EF4-FFF2-40B4-BE49-F238E27FC236}">
                <a16:creationId xmlns:a16="http://schemas.microsoft.com/office/drawing/2014/main" id="{8FE826F9-ABCC-436D-A595-6EED97EA9C0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T_2e921e95cd8d4b13a13500bc7b21bf4c_Duration" hidden="1">
            <a:extLst>
              <a:ext uri="{FF2B5EF4-FFF2-40B4-BE49-F238E27FC236}">
                <a16:creationId xmlns:a16="http://schemas.microsoft.com/office/drawing/2014/main" id="{1AF02FB5-35B5-4F86-893D-49634DE6A96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536701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3.5 days</a:t>
            </a:r>
          </a:p>
        </p:txBody>
      </p:sp>
      <p:sp>
        <p:nvSpPr>
          <p:cNvPr id="149" name="OTLSHAPE_SLT_2e921e95cd8d4b13a13500bc7b21bf4c_TextPercentage" hidden="1">
            <a:extLst>
              <a:ext uri="{FF2B5EF4-FFF2-40B4-BE49-F238E27FC236}">
                <a16:creationId xmlns:a16="http://schemas.microsoft.com/office/drawing/2014/main" id="{469B4093-DB36-43F7-8846-A82BCEABE5F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2e921e95cd8d4b13a13500bc7b21bf4c_JoinedDate" hidden="1">
            <a:extLst>
              <a:ext uri="{FF2B5EF4-FFF2-40B4-BE49-F238E27FC236}">
                <a16:creationId xmlns:a16="http://schemas.microsoft.com/office/drawing/2014/main" id="{29059BBC-A467-44A9-B146-A7FCD50F510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536700" y="-612636"/>
            <a:ext cx="736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4</a:t>
            </a:r>
          </a:p>
        </p:txBody>
      </p:sp>
      <p:sp>
        <p:nvSpPr>
          <p:cNvPr id="153" name="OTLSHAPE_SLT_2e921e95cd8d4b13a13500bc7b21bf4c_StartDate" hidden="1">
            <a:extLst>
              <a:ext uri="{FF2B5EF4-FFF2-40B4-BE49-F238E27FC236}">
                <a16:creationId xmlns:a16="http://schemas.microsoft.com/office/drawing/2014/main" id="{27C09FFB-0FAC-48B1-8DFB-6177BB37305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2e921e95cd8d4b13a13500bc7b21bf4c_EndDate" hidden="1">
            <a:extLst>
              <a:ext uri="{FF2B5EF4-FFF2-40B4-BE49-F238E27FC236}">
                <a16:creationId xmlns:a16="http://schemas.microsoft.com/office/drawing/2014/main" id="{907977BA-AF61-478B-8DE9-1CD27BE18056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T_47cbe89cdf5541999ae0d3ac526194f6_Duration" hidden="1">
            <a:extLst>
              <a:ext uri="{FF2B5EF4-FFF2-40B4-BE49-F238E27FC236}">
                <a16:creationId xmlns:a16="http://schemas.microsoft.com/office/drawing/2014/main" id="{C5EFAAA0-1AB2-4B02-A846-BC8C49587D0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536701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.5 days</a:t>
            </a:r>
          </a:p>
        </p:txBody>
      </p:sp>
      <p:sp>
        <p:nvSpPr>
          <p:cNvPr id="157" name="OTLSHAPE_SLT_47cbe89cdf5541999ae0d3ac526194f6_TextPercentage" hidden="1">
            <a:extLst>
              <a:ext uri="{FF2B5EF4-FFF2-40B4-BE49-F238E27FC236}">
                <a16:creationId xmlns:a16="http://schemas.microsoft.com/office/drawing/2014/main" id="{968CD9E8-057B-4EB2-8439-993B0AE332D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47cbe89cdf5541999ae0d3ac526194f6_JoinedDate" hidden="1">
            <a:extLst>
              <a:ext uri="{FF2B5EF4-FFF2-40B4-BE49-F238E27FC236}">
                <a16:creationId xmlns:a16="http://schemas.microsoft.com/office/drawing/2014/main" id="{B3B4BB65-CABD-4669-8A11-A270F36CA6F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536700" y="-612636"/>
            <a:ext cx="762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61" name="OTLSHAPE_SLT_47cbe89cdf5541999ae0d3ac526194f6_StartDate" hidden="1">
            <a:extLst>
              <a:ext uri="{FF2B5EF4-FFF2-40B4-BE49-F238E27FC236}">
                <a16:creationId xmlns:a16="http://schemas.microsoft.com/office/drawing/2014/main" id="{BF9C1887-25FC-49BF-B4CC-5945578E019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47cbe89cdf5541999ae0d3ac526194f6_EndDate" hidden="1">
            <a:extLst>
              <a:ext uri="{FF2B5EF4-FFF2-40B4-BE49-F238E27FC236}">
                <a16:creationId xmlns:a16="http://schemas.microsoft.com/office/drawing/2014/main" id="{B1888F0B-4948-4E79-A1B6-E82DDC5F3CF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cf25e7caeb934b75b1efd2db71905ad5_Duration" hidden="1">
            <a:extLst>
              <a:ext uri="{FF2B5EF4-FFF2-40B4-BE49-F238E27FC236}">
                <a16:creationId xmlns:a16="http://schemas.microsoft.com/office/drawing/2014/main" id="{5C98494B-781D-4B1A-8D29-4C71098D49B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536701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3.5 days</a:t>
            </a:r>
          </a:p>
        </p:txBody>
      </p:sp>
      <p:sp>
        <p:nvSpPr>
          <p:cNvPr id="165" name="OTLSHAPE_SLT_cf25e7caeb934b75b1efd2db71905ad5_TextPercentage" hidden="1">
            <a:extLst>
              <a:ext uri="{FF2B5EF4-FFF2-40B4-BE49-F238E27FC236}">
                <a16:creationId xmlns:a16="http://schemas.microsoft.com/office/drawing/2014/main" id="{FF8B85A6-9185-4A81-B649-62D9B6E564A3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cf25e7caeb934b75b1efd2db71905ad5_JoinedDate" hidden="1">
            <a:extLst>
              <a:ext uri="{FF2B5EF4-FFF2-40B4-BE49-F238E27FC236}">
                <a16:creationId xmlns:a16="http://schemas.microsoft.com/office/drawing/2014/main" id="{C79BAE79-E5AA-46E6-B9E0-65C6E69BB70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536700" y="-535692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69" name="OTLSHAPE_SLT_cf25e7caeb934b75b1efd2db71905ad5_StartDate" hidden="1">
            <a:extLst>
              <a:ext uri="{FF2B5EF4-FFF2-40B4-BE49-F238E27FC236}">
                <a16:creationId xmlns:a16="http://schemas.microsoft.com/office/drawing/2014/main" id="{9C6B9D89-F587-4748-A086-D78B38985DF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cf25e7caeb934b75b1efd2db71905ad5_EndDate" hidden="1">
            <a:extLst>
              <a:ext uri="{FF2B5EF4-FFF2-40B4-BE49-F238E27FC236}">
                <a16:creationId xmlns:a16="http://schemas.microsoft.com/office/drawing/2014/main" id="{5198484E-ADE0-4242-848E-1F06CB3A08D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46dc3323d74464a8ef6a4e6e53f36ea_Duration" hidden="1">
            <a:extLst>
              <a:ext uri="{FF2B5EF4-FFF2-40B4-BE49-F238E27FC236}">
                <a16:creationId xmlns:a16="http://schemas.microsoft.com/office/drawing/2014/main" id="{9F26BD4F-AF47-413C-9B0E-DC839DF2B24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536700" y="-535692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5.5 days</a:t>
            </a:r>
          </a:p>
        </p:txBody>
      </p:sp>
      <p:sp>
        <p:nvSpPr>
          <p:cNvPr id="173" name="OTLSHAPE_SLT_546dc3323d74464a8ef6a4e6e53f36ea_TextPercentage" hidden="1">
            <a:extLst>
              <a:ext uri="{FF2B5EF4-FFF2-40B4-BE49-F238E27FC236}">
                <a16:creationId xmlns:a16="http://schemas.microsoft.com/office/drawing/2014/main" id="{37950626-3867-496D-97AE-6D0C2A9C4F56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546dc3323d74464a8ef6a4e6e53f36ea_JoinedDate" hidden="1">
            <a:extLst>
              <a:ext uri="{FF2B5EF4-FFF2-40B4-BE49-F238E27FC236}">
                <a16:creationId xmlns:a16="http://schemas.microsoft.com/office/drawing/2014/main" id="{66278540-DBFF-458B-A9FE-1AD5FCCE704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536701" y="-612636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77" name="OTLSHAPE_SLT_546dc3323d74464a8ef6a4e6e53f36ea_StartDate" hidden="1">
            <a:extLst>
              <a:ext uri="{FF2B5EF4-FFF2-40B4-BE49-F238E27FC236}">
                <a16:creationId xmlns:a16="http://schemas.microsoft.com/office/drawing/2014/main" id="{DB794D54-ABC5-48EA-A4F8-E53EABFCF39D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546dc3323d74464a8ef6a4e6e53f36ea_EndDate" hidden="1">
            <a:extLst>
              <a:ext uri="{FF2B5EF4-FFF2-40B4-BE49-F238E27FC236}">
                <a16:creationId xmlns:a16="http://schemas.microsoft.com/office/drawing/2014/main" id="{E1B9BA16-C61D-40C6-AB73-9F823EC00674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7d960969ddfc4dfea831723149c1842e_Duration" hidden="1">
            <a:extLst>
              <a:ext uri="{FF2B5EF4-FFF2-40B4-BE49-F238E27FC236}">
                <a16:creationId xmlns:a16="http://schemas.microsoft.com/office/drawing/2014/main" id="{174CA1CA-6785-44A5-9237-07949A94A6A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536701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.7 days</a:t>
            </a:r>
          </a:p>
        </p:txBody>
      </p:sp>
      <p:sp>
        <p:nvSpPr>
          <p:cNvPr id="181" name="OTLSHAPE_SLT_7d960969ddfc4dfea831723149c1842e_TextPercentage" hidden="1">
            <a:extLst>
              <a:ext uri="{FF2B5EF4-FFF2-40B4-BE49-F238E27FC236}">
                <a16:creationId xmlns:a16="http://schemas.microsoft.com/office/drawing/2014/main" id="{C990B6EE-9486-4A63-A6CF-9FC89FCFCE08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7d960969ddfc4dfea831723149c1842e_JoinedDate" hidden="1">
            <a:extLst>
              <a:ext uri="{FF2B5EF4-FFF2-40B4-BE49-F238E27FC236}">
                <a16:creationId xmlns:a16="http://schemas.microsoft.com/office/drawing/2014/main" id="{9150F7B5-4B4A-413E-AC76-202C1BAD37A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536701" y="-689580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1 - Oct 21</a:t>
            </a:r>
          </a:p>
        </p:txBody>
      </p:sp>
      <p:sp>
        <p:nvSpPr>
          <p:cNvPr id="187" name="OTLSHAPE_SLT_7d960969ddfc4dfea831723149c1842e_StartDate" hidden="1">
            <a:extLst>
              <a:ext uri="{FF2B5EF4-FFF2-40B4-BE49-F238E27FC236}">
                <a16:creationId xmlns:a16="http://schemas.microsoft.com/office/drawing/2014/main" id="{A2245616-77BD-4D3B-BB03-3584FC05A28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0" name="OTLSHAPE_SLT_7d960969ddfc4dfea831723149c1842e_EndDate" hidden="1">
            <a:extLst>
              <a:ext uri="{FF2B5EF4-FFF2-40B4-BE49-F238E27FC236}">
                <a16:creationId xmlns:a16="http://schemas.microsoft.com/office/drawing/2014/main" id="{FDF85F58-38BA-4CFA-88CE-2F7C8C81A329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SLM_26c569c01e6a47b8b9bb6219068dc08e_Date" hidden="1">
            <a:extLst>
              <a:ext uri="{FF2B5EF4-FFF2-40B4-BE49-F238E27FC236}">
                <a16:creationId xmlns:a16="http://schemas.microsoft.com/office/drawing/2014/main" id="{57680B74-00DD-4A07-BC48-FB420BA05518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536700" y="-100296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192" name="OTLSHAPE_SLM_2b6880f149c64214b6129ec8ddf5343e_Date" hidden="1">
            <a:extLst>
              <a:ext uri="{FF2B5EF4-FFF2-40B4-BE49-F238E27FC236}">
                <a16:creationId xmlns:a16="http://schemas.microsoft.com/office/drawing/2014/main" id="{57438208-3A5E-4FAA-98F7-94C15E4DD039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536700" y="-115684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194" name="OTLSHAPE_SLT_f8a0c9eb817a49fc89569829b38c4b78_Duration" hidden="1">
            <a:extLst>
              <a:ext uri="{FF2B5EF4-FFF2-40B4-BE49-F238E27FC236}">
                <a16:creationId xmlns:a16="http://schemas.microsoft.com/office/drawing/2014/main" id="{66F67B9F-37D2-47B7-B4DB-D28262CC40A0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536701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8.5 days</a:t>
            </a:r>
          </a:p>
        </p:txBody>
      </p:sp>
      <p:sp>
        <p:nvSpPr>
          <p:cNvPr id="195" name="OTLSHAPE_SLT_f8a0c9eb817a49fc89569829b38c4b78_TextPercentage" hidden="1">
            <a:extLst>
              <a:ext uri="{FF2B5EF4-FFF2-40B4-BE49-F238E27FC236}">
                <a16:creationId xmlns:a16="http://schemas.microsoft.com/office/drawing/2014/main" id="{DCB08484-82BD-492E-A830-9BC4921AA00A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f8a0c9eb817a49fc89569829b38c4b78_JoinedDate" hidden="1">
            <a:extLst>
              <a:ext uri="{FF2B5EF4-FFF2-40B4-BE49-F238E27FC236}">
                <a16:creationId xmlns:a16="http://schemas.microsoft.com/office/drawing/2014/main" id="{D06F8781-55B5-4D79-AED5-99E984E21D73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536701" y="-612636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 - Dec 22</a:t>
            </a:r>
          </a:p>
        </p:txBody>
      </p:sp>
      <p:sp>
        <p:nvSpPr>
          <p:cNvPr id="214" name="OTLSHAPE_SLT_f8a0c9eb817a49fc89569829b38c4b78_StartDate" hidden="1">
            <a:extLst>
              <a:ext uri="{FF2B5EF4-FFF2-40B4-BE49-F238E27FC236}">
                <a16:creationId xmlns:a16="http://schemas.microsoft.com/office/drawing/2014/main" id="{19B8E195-99CB-46A3-82D9-B533DAF175F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SLT_f8a0c9eb817a49fc89569829b38c4b78_EndDate" hidden="1">
            <a:extLst>
              <a:ext uri="{FF2B5EF4-FFF2-40B4-BE49-F238E27FC236}">
                <a16:creationId xmlns:a16="http://schemas.microsoft.com/office/drawing/2014/main" id="{3A4F3DD0-0A62-42F7-8595-1CF7DD928B7A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536700" y="-796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b8c603269952439b977cb103e5f76bdb_Shape">
            <a:extLst>
              <a:ext uri="{FF2B5EF4-FFF2-40B4-BE49-F238E27FC236}">
                <a16:creationId xmlns:a16="http://schemas.microsoft.com/office/drawing/2014/main" id="{52B5167D-8048-45C0-AC8C-49EF3DA1032E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7275149" y="1211675"/>
            <a:ext cx="165100" cy="165100"/>
          </a:xfrm>
          <a:prstGeom prst="wave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41" name="OTLSHAPE_M_78ab908f14c74c8898ac34d2665e12f2_Shape">
            <a:extLst>
              <a:ext uri="{FF2B5EF4-FFF2-40B4-BE49-F238E27FC236}">
                <a16:creationId xmlns:a16="http://schemas.microsoft.com/office/drawing/2014/main" id="{AB4CC178-048A-4B0C-B134-C59A89BA7156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5041221" y="1194378"/>
            <a:ext cx="165100" cy="165100"/>
          </a:xfrm>
          <a:prstGeom prst="wav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44" name="OTLSHAPE_M_b1a2b0ad50c54f3db24b3aab69d68fc5_Shape">
            <a:extLst>
              <a:ext uri="{FF2B5EF4-FFF2-40B4-BE49-F238E27FC236}">
                <a16:creationId xmlns:a16="http://schemas.microsoft.com/office/drawing/2014/main" id="{27D65077-D737-4E93-81C7-9DF03A9B4F1D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9649730" y="1268674"/>
            <a:ext cx="165100" cy="165100"/>
          </a:xfrm>
          <a:prstGeom prst="wave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36" name="OTLSHAPE_M_b8c603269952439b977cb103e5f76bdb_Title">
            <a:extLst>
              <a:ext uri="{FF2B5EF4-FFF2-40B4-BE49-F238E27FC236}">
                <a16:creationId xmlns:a16="http://schemas.microsoft.com/office/drawing/2014/main" id="{9C22486C-E8C0-4417-A19C-A579F89D7765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7479609" y="1091727"/>
            <a:ext cx="107764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b="1" spc="-7">
                <a:solidFill>
                  <a:schemeClr val="bg1"/>
                </a:solidFill>
                <a:latin typeface="Calibri" panose="020F0502020204030204" pitchFamily="34" charset="0"/>
              </a:rPr>
              <a:t>Phase I Developed</a:t>
            </a:r>
          </a:p>
        </p:txBody>
      </p:sp>
      <p:sp>
        <p:nvSpPr>
          <p:cNvPr id="37" name="OTLSHAPE_M_b8c603269952439b977cb103e5f76bdb_Date">
            <a:extLst>
              <a:ext uri="{FF2B5EF4-FFF2-40B4-BE49-F238E27FC236}">
                <a16:creationId xmlns:a16="http://schemas.microsoft.com/office/drawing/2014/main" id="{86DFB39A-FFCD-4650-88EF-82872C17D9DA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7479610" y="1262192"/>
            <a:ext cx="38638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spc="-7">
                <a:solidFill>
                  <a:schemeClr val="bg1"/>
                </a:solidFill>
                <a:latin typeface="Calibri" panose="020F0502020204030204" pitchFamily="34" charset="0"/>
              </a:rPr>
              <a:t>Dec </a:t>
            </a:r>
          </a:p>
        </p:txBody>
      </p:sp>
      <p:sp>
        <p:nvSpPr>
          <p:cNvPr id="39" name="OTLSHAPE_M_78ab908f14c74c8898ac34d2665e12f2_Title">
            <a:extLst>
              <a:ext uri="{FF2B5EF4-FFF2-40B4-BE49-F238E27FC236}">
                <a16:creationId xmlns:a16="http://schemas.microsoft.com/office/drawing/2014/main" id="{C73C7AC7-5B05-4809-AAFF-70D4EC29CFED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5265757" y="1076296"/>
            <a:ext cx="121091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b="1" spc="-7">
                <a:solidFill>
                  <a:schemeClr val="bg1"/>
                </a:solidFill>
                <a:latin typeface="Calibri" panose="020F0502020204030204" pitchFamily="34" charset="0"/>
              </a:rPr>
              <a:t>Planning Completed</a:t>
            </a:r>
          </a:p>
        </p:txBody>
      </p:sp>
      <p:sp>
        <p:nvSpPr>
          <p:cNvPr id="40" name="OTLSHAPE_M_78ab908f14c74c8898ac34d2665e12f2_Date">
            <a:extLst>
              <a:ext uri="{FF2B5EF4-FFF2-40B4-BE49-F238E27FC236}">
                <a16:creationId xmlns:a16="http://schemas.microsoft.com/office/drawing/2014/main" id="{F9C8488A-F93B-4FCC-9A45-CC3170BE7D8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5265758" y="1246761"/>
            <a:ext cx="5704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spc="-7">
                <a:solidFill>
                  <a:schemeClr val="bg1"/>
                </a:solidFill>
                <a:latin typeface="Calibri" panose="020F0502020204030204" pitchFamily="34" charset="0"/>
              </a:rPr>
              <a:t>Oct 10</a:t>
            </a: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C53EE7DD-C6F8-4046-9454-3CD857EAC8D5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9867172" y="1260256"/>
            <a:ext cx="762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b="1" spc="-7">
                <a:solidFill>
                  <a:schemeClr val="bg1"/>
                </a:solidFill>
                <a:latin typeface="Calibri" panose="020F0502020204030204" pitchFamily="34" charset="0"/>
              </a:rPr>
              <a:t>DAB</a:t>
            </a:r>
          </a:p>
        </p:txBody>
      </p:sp>
      <p:sp>
        <p:nvSpPr>
          <p:cNvPr id="234" name="OTLSHAPE_SLA_96c9556a7149459ab1aa5830ee29e508_Title" hidden="1">
            <a:extLst>
              <a:ext uri="{FF2B5EF4-FFF2-40B4-BE49-F238E27FC236}">
                <a16:creationId xmlns:a16="http://schemas.microsoft.com/office/drawing/2014/main" id="{E95678F0-548F-40A0-90BB-391EB12FDED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2387956"/>
            <a:ext cx="0" cy="25391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237" name="OTLSHAPE_SLA_59a28bf6e2504bfc9817b81e1db70ce7_Title" hidden="1">
            <a:extLst>
              <a:ext uri="{FF2B5EF4-FFF2-40B4-BE49-F238E27FC236}">
                <a16:creationId xmlns:a16="http://schemas.microsoft.com/office/drawing/2014/main" id="{62B2CD28-9A06-4041-9044-5688B5ED01D6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2387956"/>
            <a:ext cx="0" cy="25391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240" name="OTLSHAPE_SLA_51288dd7ee1141c187e9f3ab13f10e91_Title" hidden="1">
            <a:extLst>
              <a:ext uri="{FF2B5EF4-FFF2-40B4-BE49-F238E27FC236}">
                <a16:creationId xmlns:a16="http://schemas.microsoft.com/office/drawing/2014/main" id="{9318701F-7F27-4ECC-9F8D-C603A6DA67C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2387956"/>
            <a:ext cx="0" cy="25391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105" name="OTLSHAPE_SLT_2ff5b8e034b64a828622147da9a2f6b2_Shape">
            <a:extLst>
              <a:ext uri="{FF2B5EF4-FFF2-40B4-BE49-F238E27FC236}">
                <a16:creationId xmlns:a16="http://schemas.microsoft.com/office/drawing/2014/main" id="{2BFFCE47-1F06-02D8-E707-C291E6A1AE0B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3566987" y="2815439"/>
            <a:ext cx="1095979" cy="199475"/>
          </a:xfrm>
          <a:prstGeom prst="roundRect">
            <a:avLst/>
          </a:prstGeom>
          <a:solidFill>
            <a:schemeClr val="accent3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106" name="OTLSHAPE_SLT_2ff5b8e034b64a828622147da9a2f6b2_Title">
            <a:extLst>
              <a:ext uri="{FF2B5EF4-FFF2-40B4-BE49-F238E27FC236}">
                <a16:creationId xmlns:a16="http://schemas.microsoft.com/office/drawing/2014/main" id="{93441265-9C82-32E1-1B1B-D6055AC07B4A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3643007" y="2833621"/>
            <a:ext cx="1257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b="1" spc="-7">
                <a:solidFill>
                  <a:schemeClr val="tx2">
                    <a:lumMod val="10000"/>
                  </a:schemeClr>
                </a:solidFill>
                <a:latin typeface="Calibri" panose="020F0502020204030204" pitchFamily="34" charset="0"/>
              </a:rPr>
              <a:t>Literature Review</a:t>
            </a:r>
          </a:p>
        </p:txBody>
      </p:sp>
      <p:sp>
        <p:nvSpPr>
          <p:cNvPr id="110" name="OTLSHAPE_SLT_2ff5b8e034b64a828622147da9a2f6b2_Shape">
            <a:extLst>
              <a:ext uri="{FF2B5EF4-FFF2-40B4-BE49-F238E27FC236}">
                <a16:creationId xmlns:a16="http://schemas.microsoft.com/office/drawing/2014/main" id="{379004AE-93D9-72D1-B66C-E3AB09B07769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4569133" y="3124564"/>
            <a:ext cx="1095979" cy="199475"/>
          </a:xfrm>
          <a:prstGeom prst="roundRect">
            <a:avLst/>
          </a:prstGeom>
          <a:solidFill>
            <a:schemeClr val="accent3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113" name="OTLSHAPE_SLT_2ff5b8e034b64a828622147da9a2f6b2_Title">
            <a:extLst>
              <a:ext uri="{FF2B5EF4-FFF2-40B4-BE49-F238E27FC236}">
                <a16:creationId xmlns:a16="http://schemas.microsoft.com/office/drawing/2014/main" id="{6B538248-811B-6B42-02A5-F1634AE39EEA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4636494" y="3143768"/>
            <a:ext cx="1257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b="1" spc="-4">
                <a:latin typeface="Calibri" panose="020F0502020204030204" pitchFamily="34" charset="0"/>
              </a:rPr>
              <a:t>CDRB Preparation</a:t>
            </a:r>
          </a:p>
        </p:txBody>
      </p:sp>
      <p:sp>
        <p:nvSpPr>
          <p:cNvPr id="116" name="OTLSHAPE_SLT_cf25e7caeb934b75b1efd2db71905ad5_Shape">
            <a:extLst>
              <a:ext uri="{FF2B5EF4-FFF2-40B4-BE49-F238E27FC236}">
                <a16:creationId xmlns:a16="http://schemas.microsoft.com/office/drawing/2014/main" id="{20E3604A-6A5D-DB61-7ED2-CC8DBF9E41A5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5701817" y="3684055"/>
            <a:ext cx="797041" cy="195475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119" name="OTLSHAPE_SLT_1548a45929d542f08ebbc364690e3865_Title">
            <a:extLst>
              <a:ext uri="{FF2B5EF4-FFF2-40B4-BE49-F238E27FC236}">
                <a16:creationId xmlns:a16="http://schemas.microsoft.com/office/drawing/2014/main" id="{EF33E3AF-3A0C-4925-2779-7063560B5E74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5766769" y="3702952"/>
            <a:ext cx="89661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b="1" spc="-7">
                <a:solidFill>
                  <a:schemeClr val="tx2">
                    <a:lumMod val="10000"/>
                  </a:schemeClr>
                </a:solidFill>
                <a:latin typeface="Calibri" panose="020F0502020204030204" pitchFamily="34" charset="0"/>
              </a:rPr>
              <a:t>Execution </a:t>
            </a:r>
          </a:p>
        </p:txBody>
      </p:sp>
      <p:sp>
        <p:nvSpPr>
          <p:cNvPr id="216" name="OTLSHAPE_SLT_cf25e7caeb934b75b1efd2db71905ad5_Shape">
            <a:extLst>
              <a:ext uri="{FF2B5EF4-FFF2-40B4-BE49-F238E27FC236}">
                <a16:creationId xmlns:a16="http://schemas.microsoft.com/office/drawing/2014/main" id="{37E84144-2A3D-8ECC-ACE9-BE3BA7E54B1A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6094716" y="3946838"/>
            <a:ext cx="1191533" cy="323057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217" name="OTLSHAPE_SLT_1548a45929d542f08ebbc364690e3865_Title">
            <a:extLst>
              <a:ext uri="{FF2B5EF4-FFF2-40B4-BE49-F238E27FC236}">
                <a16:creationId xmlns:a16="http://schemas.microsoft.com/office/drawing/2014/main" id="{F82ED3AC-5EE7-AF7E-7063-B4F0BC6CA00F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6122049" y="3967209"/>
            <a:ext cx="1153099" cy="26686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867" b="1" spc="-7">
                <a:solidFill>
                  <a:schemeClr val="tx2">
                    <a:lumMod val="10000"/>
                  </a:schemeClr>
                </a:solidFill>
                <a:latin typeface="Calibri" panose="020F0502020204030204" pitchFamily="34" charset="0"/>
              </a:rPr>
              <a:t>Select Necessary </a:t>
            </a:r>
          </a:p>
          <a:p>
            <a:pPr algn="ctr"/>
            <a:r>
              <a:rPr lang="en-US" sz="867" b="1" spc="-7">
                <a:solidFill>
                  <a:schemeClr val="tx2">
                    <a:lumMod val="10000"/>
                  </a:schemeClr>
                </a:solidFill>
                <a:latin typeface="Calibri" panose="020F0502020204030204" pitchFamily="34" charset="0"/>
              </a:rPr>
              <a:t>Hardware &amp; Software</a:t>
            </a:r>
          </a:p>
        </p:txBody>
      </p:sp>
      <p:sp>
        <p:nvSpPr>
          <p:cNvPr id="220" name="OTLSHAPE_SLT_cf25e7caeb934b75b1efd2db71905ad5_Shape">
            <a:extLst>
              <a:ext uri="{FF2B5EF4-FFF2-40B4-BE49-F238E27FC236}">
                <a16:creationId xmlns:a16="http://schemas.microsoft.com/office/drawing/2014/main" id="{B8A62B54-4EF9-EBFA-FC62-8BABC76557E6}"/>
              </a:ext>
            </a:extLst>
          </p:cNvPr>
          <p:cNvSpPr/>
          <p:nvPr>
            <p:custDataLst>
              <p:tags r:id="rId164"/>
            </p:custDataLst>
          </p:nvPr>
        </p:nvSpPr>
        <p:spPr>
          <a:xfrm>
            <a:off x="6790770" y="4408213"/>
            <a:ext cx="1096975" cy="332027"/>
          </a:xfrm>
          <a:prstGeom prst="round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158" name="OTLSHAPE_SLT_47cbe89cdf5541999ae0d3ac526194f6_Title">
            <a:extLst>
              <a:ext uri="{FF2B5EF4-FFF2-40B4-BE49-F238E27FC236}">
                <a16:creationId xmlns:a16="http://schemas.microsoft.com/office/drawing/2014/main" id="{FDFDB23E-9313-4C8F-9CA4-DF2A50385E2B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6811986" y="4432448"/>
            <a:ext cx="1042236" cy="2871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933" b="1" spc="-4">
                <a:solidFill>
                  <a:schemeClr val="lt1"/>
                </a:solidFill>
                <a:latin typeface="Calibri" panose="020F0502020204030204" pitchFamily="34" charset="0"/>
              </a:rPr>
              <a:t>Implementation on RC car</a:t>
            </a:r>
          </a:p>
        </p:txBody>
      </p:sp>
      <p:sp>
        <p:nvSpPr>
          <p:cNvPr id="222" name="OTLSHAPE_SLT_cf25e7caeb934b75b1efd2db71905ad5_Shape">
            <a:extLst>
              <a:ext uri="{FF2B5EF4-FFF2-40B4-BE49-F238E27FC236}">
                <a16:creationId xmlns:a16="http://schemas.microsoft.com/office/drawing/2014/main" id="{6F041213-8974-5193-1CB1-C8BCEE17EE05}"/>
              </a:ext>
            </a:extLst>
          </p:cNvPr>
          <p:cNvSpPr/>
          <p:nvPr>
            <p:custDataLst>
              <p:tags r:id="rId166"/>
            </p:custDataLst>
          </p:nvPr>
        </p:nvSpPr>
        <p:spPr>
          <a:xfrm>
            <a:off x="7334377" y="4778245"/>
            <a:ext cx="1370393" cy="307777"/>
          </a:xfrm>
          <a:prstGeom prst="round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223" name="OTLSHAPE_SLT_47cbe89cdf5541999ae0d3ac526194f6_Title">
            <a:extLst>
              <a:ext uri="{FF2B5EF4-FFF2-40B4-BE49-F238E27FC236}">
                <a16:creationId xmlns:a16="http://schemas.microsoft.com/office/drawing/2014/main" id="{88B26A94-AE3D-F755-7B65-0670ABF56D42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7453386" y="4858688"/>
            <a:ext cx="1161825" cy="13343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867" b="1" spc="-4">
                <a:solidFill>
                  <a:schemeClr val="lt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224" name="OTLSHAPE_SLT_cf25e7caeb934b75b1efd2db71905ad5_Shape">
            <a:extLst>
              <a:ext uri="{FF2B5EF4-FFF2-40B4-BE49-F238E27FC236}">
                <a16:creationId xmlns:a16="http://schemas.microsoft.com/office/drawing/2014/main" id="{424854B5-BE97-C3ED-CC26-ADF31BAB9487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>
            <a:off x="8281055" y="5161669"/>
            <a:ext cx="1143609" cy="331780"/>
          </a:xfrm>
          <a:prstGeom prst="round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243" name="OTLSHAPE_SLT_47cbe89cdf5541999ae0d3ac526194f6_Title">
            <a:extLst>
              <a:ext uri="{FF2B5EF4-FFF2-40B4-BE49-F238E27FC236}">
                <a16:creationId xmlns:a16="http://schemas.microsoft.com/office/drawing/2014/main" id="{1F0B58CF-DAED-28B3-D908-01FF03D3A414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8163668" y="5260842"/>
            <a:ext cx="1212757" cy="13343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867" b="1" spc="-4">
                <a:solidFill>
                  <a:schemeClr val="lt1"/>
                </a:solidFill>
                <a:latin typeface="Calibri" panose="020F0502020204030204" pitchFamily="34" charset="0"/>
              </a:rPr>
              <a:t>Testing &amp; Validation</a:t>
            </a:r>
          </a:p>
        </p:txBody>
      </p:sp>
      <p:sp>
        <p:nvSpPr>
          <p:cNvPr id="244" name="Isosceles Triangle 243">
            <a:extLst>
              <a:ext uri="{FF2B5EF4-FFF2-40B4-BE49-F238E27FC236}">
                <a16:creationId xmlns:a16="http://schemas.microsoft.com/office/drawing/2014/main" id="{7B0B96B4-A9BE-6742-424D-9A3D0F20D021}"/>
              </a:ext>
            </a:extLst>
          </p:cNvPr>
          <p:cNvSpPr/>
          <p:nvPr/>
        </p:nvSpPr>
        <p:spPr>
          <a:xfrm>
            <a:off x="7314675" y="4062303"/>
            <a:ext cx="156247" cy="160444"/>
          </a:xfrm>
          <a:prstGeom prst="triangle">
            <a:avLst/>
          </a:prstGeom>
          <a:solidFill>
            <a:schemeClr val="accent6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247" name="OTLSHAPE_SLT_cf25e7caeb934b75b1efd2db71905ad5_Shape">
            <a:extLst>
              <a:ext uri="{FF2B5EF4-FFF2-40B4-BE49-F238E27FC236}">
                <a16:creationId xmlns:a16="http://schemas.microsoft.com/office/drawing/2014/main" id="{7F3E2406-9A76-65B9-4404-19AEEC3D9EBE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17334844" y="9281179"/>
            <a:ext cx="783039" cy="381532"/>
          </a:xfrm>
          <a:prstGeom prst="round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249" name="OTLSHAPE_SLT_cf25e7caeb934b75b1efd2db71905ad5_Shape">
            <a:extLst>
              <a:ext uri="{FF2B5EF4-FFF2-40B4-BE49-F238E27FC236}">
                <a16:creationId xmlns:a16="http://schemas.microsoft.com/office/drawing/2014/main" id="{1311C801-8241-E77B-032F-E7B1EDC3DBFF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9928055" y="5964072"/>
            <a:ext cx="1076000" cy="318531"/>
          </a:xfrm>
          <a:prstGeom prst="round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250" name="OTLSHAPE_SLT_47cbe89cdf5541999ae0d3ac526194f6_Title">
            <a:extLst>
              <a:ext uri="{FF2B5EF4-FFF2-40B4-BE49-F238E27FC236}">
                <a16:creationId xmlns:a16="http://schemas.microsoft.com/office/drawing/2014/main" id="{F89055FF-13ED-1844-4ADF-D862F0DC74B0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0043879" y="6030720"/>
            <a:ext cx="102624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b="1" spc="-4">
                <a:solidFill>
                  <a:schemeClr val="accent5"/>
                </a:solidFill>
                <a:latin typeface="Calibri" panose="020F0502020204030204" pitchFamily="34" charset="0"/>
              </a:rPr>
              <a:t>Documentation</a:t>
            </a:r>
          </a:p>
        </p:txBody>
      </p:sp>
      <p:sp>
        <p:nvSpPr>
          <p:cNvPr id="254" name="Isosceles Triangle 253">
            <a:extLst>
              <a:ext uri="{FF2B5EF4-FFF2-40B4-BE49-F238E27FC236}">
                <a16:creationId xmlns:a16="http://schemas.microsoft.com/office/drawing/2014/main" id="{17F8D35C-C31B-FC39-595D-AE2C9CEC34C8}"/>
              </a:ext>
            </a:extLst>
          </p:cNvPr>
          <p:cNvSpPr/>
          <p:nvPr/>
        </p:nvSpPr>
        <p:spPr>
          <a:xfrm>
            <a:off x="9066444" y="5207320"/>
            <a:ext cx="156247" cy="160444"/>
          </a:xfrm>
          <a:prstGeom prst="triangle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265" name="Isosceles Triangle 264">
            <a:extLst>
              <a:ext uri="{FF2B5EF4-FFF2-40B4-BE49-F238E27FC236}">
                <a16:creationId xmlns:a16="http://schemas.microsoft.com/office/drawing/2014/main" id="{CCB4CF9F-49AE-B0EC-B4B3-65EF16C08E13}"/>
              </a:ext>
            </a:extLst>
          </p:cNvPr>
          <p:cNvSpPr/>
          <p:nvPr/>
        </p:nvSpPr>
        <p:spPr>
          <a:xfrm>
            <a:off x="10534121" y="6299906"/>
            <a:ext cx="156247" cy="160444"/>
          </a:xfrm>
          <a:prstGeom prst="triangl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cxnSp>
        <p:nvCxnSpPr>
          <p:cNvPr id="269" name="OTLSHAPE_M_b8c603269952439b977cb103e5f76bdb_Connector1">
            <a:extLst>
              <a:ext uri="{FF2B5EF4-FFF2-40B4-BE49-F238E27FC236}">
                <a16:creationId xmlns:a16="http://schemas.microsoft.com/office/drawing/2014/main" id="{EAE0006B-5CA8-1D8F-E443-5DCEB5727A4E}"/>
              </a:ext>
            </a:extLst>
          </p:cNvPr>
          <p:cNvCxnSpPr>
            <a:cxnSpLocks/>
          </p:cNvCxnSpPr>
          <p:nvPr>
            <p:custDataLst>
              <p:tags r:id="rId173"/>
            </p:custDataLst>
          </p:nvPr>
        </p:nvCxnSpPr>
        <p:spPr>
          <a:xfrm>
            <a:off x="9998441" y="918546"/>
            <a:ext cx="0" cy="819679"/>
          </a:xfrm>
          <a:prstGeom prst="line">
            <a:avLst/>
          </a:prstGeom>
          <a:ln w="9525" cap="flat" cmpd="sng" algn="ctr">
            <a:solidFill>
              <a:schemeClr val="bg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0" name="OTLSHAPE_M_b8c603269952439b977cb103e5f76bdb_Shape">
            <a:extLst>
              <a:ext uri="{FF2B5EF4-FFF2-40B4-BE49-F238E27FC236}">
                <a16:creationId xmlns:a16="http://schemas.microsoft.com/office/drawing/2014/main" id="{E9B57C08-008B-93C1-7C5F-FDBA4BFB7CAF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>
            <a:off x="9993030" y="844930"/>
            <a:ext cx="165100" cy="165100"/>
          </a:xfrm>
          <a:prstGeom prst="wav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271" name="OTLSHAPE_M_b8c603269952439b977cb103e5f76bdb_Title">
            <a:extLst>
              <a:ext uri="{FF2B5EF4-FFF2-40B4-BE49-F238E27FC236}">
                <a16:creationId xmlns:a16="http://schemas.microsoft.com/office/drawing/2014/main" id="{40112259-771F-12C2-99F3-9AF3BD986163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0043879" y="468738"/>
            <a:ext cx="63908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b="1" spc="-7">
                <a:solidFill>
                  <a:schemeClr val="bg1"/>
                </a:solidFill>
                <a:latin typeface="Calibri" panose="020F0502020204030204" pitchFamily="34" charset="0"/>
              </a:rPr>
              <a:t>Phase II Developed</a:t>
            </a:r>
          </a:p>
        </p:txBody>
      </p:sp>
      <p:sp>
        <p:nvSpPr>
          <p:cNvPr id="272" name="OTLSHAPE_M_b8c603269952439b977cb103e5f76bdb_Date">
            <a:extLst>
              <a:ext uri="{FF2B5EF4-FFF2-40B4-BE49-F238E27FC236}">
                <a16:creationId xmlns:a16="http://schemas.microsoft.com/office/drawing/2014/main" id="{94AE3F4D-7E80-127B-D4C7-9501B306A0BC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0213233" y="917529"/>
            <a:ext cx="38638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spc="-7">
                <a:solidFill>
                  <a:schemeClr val="bg1"/>
                </a:solidFill>
                <a:latin typeface="Calibri" panose="020F0502020204030204" pitchFamily="34" charset="0"/>
              </a:rPr>
              <a:t>Mar </a:t>
            </a:r>
          </a:p>
        </p:txBody>
      </p:sp>
      <p:cxnSp>
        <p:nvCxnSpPr>
          <p:cNvPr id="274" name="OTLSHAPE_M_b1a2b0ad50c54f3db24b3aab69d68fc5_Connector1">
            <a:extLst>
              <a:ext uri="{FF2B5EF4-FFF2-40B4-BE49-F238E27FC236}">
                <a16:creationId xmlns:a16="http://schemas.microsoft.com/office/drawing/2014/main" id="{526BBB71-56A0-832B-E3C6-D8A054DBE7B5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10831299" y="1307277"/>
            <a:ext cx="0" cy="435823"/>
          </a:xfrm>
          <a:prstGeom prst="line">
            <a:avLst/>
          </a:prstGeom>
          <a:ln w="9525" cap="flat" cmpd="sng" algn="ctr">
            <a:solidFill>
              <a:schemeClr val="bg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5" name="OTLSHAPE_M_b1a2b0ad50c54f3db24b3aab69d68fc5_Shape">
            <a:extLst>
              <a:ext uri="{FF2B5EF4-FFF2-40B4-BE49-F238E27FC236}">
                <a16:creationId xmlns:a16="http://schemas.microsoft.com/office/drawing/2014/main" id="{F034F486-A485-CF7A-F257-150EA60512B0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10825569" y="1273549"/>
            <a:ext cx="165100" cy="165100"/>
          </a:xfrm>
          <a:prstGeom prst="wav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276" name="OTLSHAPE_M_b1a2b0ad50c54f3db24b3aab69d68fc5_Title">
            <a:extLst>
              <a:ext uri="{FF2B5EF4-FFF2-40B4-BE49-F238E27FC236}">
                <a16:creationId xmlns:a16="http://schemas.microsoft.com/office/drawing/2014/main" id="{5FA31E84-E737-C8C8-ED62-7DCC905592FB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1044940" y="1266120"/>
            <a:ext cx="762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b="1" spc="-7">
                <a:solidFill>
                  <a:schemeClr val="bg1"/>
                </a:solidFill>
                <a:latin typeface="Calibri" panose="020F0502020204030204" pitchFamily="34" charset="0"/>
              </a:rPr>
              <a:t>AB</a:t>
            </a:r>
          </a:p>
        </p:txBody>
      </p:sp>
      <p:cxnSp>
        <p:nvCxnSpPr>
          <p:cNvPr id="277" name="OTLSHAPE_M_b8c603269952439b977cb103e5f76bdb_Connector1">
            <a:extLst>
              <a:ext uri="{FF2B5EF4-FFF2-40B4-BE49-F238E27FC236}">
                <a16:creationId xmlns:a16="http://schemas.microsoft.com/office/drawing/2014/main" id="{06679ED6-692E-6902-6015-D2435F002F64}"/>
              </a:ext>
            </a:extLst>
          </p:cNvPr>
          <p:cNvCxnSpPr>
            <a:cxnSpLocks/>
          </p:cNvCxnSpPr>
          <p:nvPr>
            <p:custDataLst>
              <p:tags r:id="rId180"/>
            </p:custDataLst>
          </p:nvPr>
        </p:nvCxnSpPr>
        <p:spPr>
          <a:xfrm>
            <a:off x="10610777" y="915322"/>
            <a:ext cx="0" cy="819679"/>
          </a:xfrm>
          <a:prstGeom prst="line">
            <a:avLst/>
          </a:prstGeom>
          <a:ln w="9525" cap="flat" cmpd="sng" algn="ctr">
            <a:solidFill>
              <a:schemeClr val="bg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8" name="OTLSHAPE_M_b8c603269952439b977cb103e5f76bdb_Shape">
            <a:extLst>
              <a:ext uri="{FF2B5EF4-FFF2-40B4-BE49-F238E27FC236}">
                <a16:creationId xmlns:a16="http://schemas.microsoft.com/office/drawing/2014/main" id="{A29B95B4-37D6-22D5-714A-7FA27C51E4FD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10605366" y="841706"/>
            <a:ext cx="165100" cy="165100"/>
          </a:xfrm>
          <a:prstGeom prst="wav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279" name="OTLSHAPE_M_b8c603269952439b977cb103e5f76bdb_Title">
            <a:extLst>
              <a:ext uri="{FF2B5EF4-FFF2-40B4-BE49-F238E27FC236}">
                <a16:creationId xmlns:a16="http://schemas.microsoft.com/office/drawing/2014/main" id="{0034057E-2CE7-32B0-F85F-138394A55170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0823639" y="767446"/>
            <a:ext cx="118027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b="1" spc="-7">
                <a:solidFill>
                  <a:schemeClr val="bg1"/>
                </a:solidFill>
                <a:latin typeface="Calibri" panose="020F0502020204030204" pitchFamily="34" charset="0"/>
              </a:rPr>
              <a:t>Phase III Developed</a:t>
            </a:r>
          </a:p>
        </p:txBody>
      </p:sp>
      <p:sp>
        <p:nvSpPr>
          <p:cNvPr id="280" name="OTLSHAPE_M_b8c603269952439b977cb103e5f76bdb_Date">
            <a:extLst>
              <a:ext uri="{FF2B5EF4-FFF2-40B4-BE49-F238E27FC236}">
                <a16:creationId xmlns:a16="http://schemas.microsoft.com/office/drawing/2014/main" id="{144B0951-A394-FE1F-7D56-BC8F5F84855C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0825569" y="915295"/>
            <a:ext cx="38638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spc="-7">
                <a:solidFill>
                  <a:schemeClr val="bg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81" name="OTLSHAPE_TB_00000000000000000000000000000000_ScaleMarking1">
            <a:extLst>
              <a:ext uri="{FF2B5EF4-FFF2-40B4-BE49-F238E27FC236}">
                <a16:creationId xmlns:a16="http://schemas.microsoft.com/office/drawing/2014/main" id="{7A76CCC4-4CC7-CC17-0CD7-FC189CE03619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413663" y="156387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20">
                <a:solidFill>
                  <a:schemeClr val="bg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21" name="OTLSHAPE_SLT_cf25e7caeb934b75b1efd2db71905ad5_Shape">
            <a:extLst>
              <a:ext uri="{FF2B5EF4-FFF2-40B4-BE49-F238E27FC236}">
                <a16:creationId xmlns:a16="http://schemas.microsoft.com/office/drawing/2014/main" id="{3E4C459F-A483-C0A4-3B76-4BE5470AEA1D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9127069" y="5593518"/>
            <a:ext cx="1099520" cy="307041"/>
          </a:xfrm>
          <a:prstGeom prst="round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351"/>
          </a:p>
        </p:txBody>
      </p:sp>
      <p:sp>
        <p:nvSpPr>
          <p:cNvPr id="248" name="OTLSHAPE_SLT_47cbe89cdf5541999ae0d3ac526194f6_Title">
            <a:extLst>
              <a:ext uri="{FF2B5EF4-FFF2-40B4-BE49-F238E27FC236}">
                <a16:creationId xmlns:a16="http://schemas.microsoft.com/office/drawing/2014/main" id="{D3D761C9-D5AA-C1E3-FC76-BB3482940D46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9251776" y="5678055"/>
            <a:ext cx="93294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800" b="1" spc="-4">
                <a:solidFill>
                  <a:schemeClr val="accent5"/>
                </a:solidFill>
                <a:latin typeface="Calibri" panose="020F0502020204030204" pitchFamily="34" charset="0"/>
              </a:rPr>
              <a:t>DAB</a:t>
            </a:r>
          </a:p>
        </p:txBody>
      </p:sp>
      <p:sp>
        <p:nvSpPr>
          <p:cNvPr id="27" name="Title 26">
            <a:extLst>
              <a:ext uri="{FF2B5EF4-FFF2-40B4-BE49-F238E27FC236}">
                <a16:creationId xmlns:a16="http://schemas.microsoft.com/office/drawing/2014/main" id="{F7F1586B-8E39-723A-33EA-F35E6D9B49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08553" y="137012"/>
            <a:ext cx="10345600" cy="817200"/>
          </a:xfrm>
        </p:spPr>
        <p:txBody>
          <a:bodyPr/>
          <a:lstStyle/>
          <a:p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GANTT CHART</a:t>
            </a:r>
          </a:p>
        </p:txBody>
      </p:sp>
      <p:sp>
        <p:nvSpPr>
          <p:cNvPr id="23" name="Google Shape;443;p40">
            <a:extLst>
              <a:ext uri="{FF2B5EF4-FFF2-40B4-BE49-F238E27FC236}">
                <a16:creationId xmlns:a16="http://schemas.microsoft.com/office/drawing/2014/main" id="{48EC4C7A-96AA-3B6F-F875-2A1E2F9DE93E}"/>
              </a:ext>
            </a:extLst>
          </p:cNvPr>
          <p:cNvSpPr txBox="1">
            <a:spLocks/>
          </p:cNvSpPr>
          <p:nvPr/>
        </p:nvSpPr>
        <p:spPr>
          <a:xfrm>
            <a:off x="11296567" y="6312003"/>
            <a:ext cx="732367" cy="52493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defPPr>
            <a:lvl1pPr marR="0"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1pPr>
            <a:lvl2pPr marR="0" lvl="1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2pPr>
            <a:lvl3pPr marR="0" lvl="2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3pPr>
            <a:lvl4pPr marR="0" lvl="3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4pPr>
            <a:lvl5pPr marR="0" lvl="4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5pPr>
            <a:lvl6pPr marR="0" lvl="5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6pPr>
            <a:lvl7pPr marR="0" lvl="6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7pPr>
            <a:lvl8pPr marR="0" lvl="7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8pPr>
            <a:lvl9pPr marR="0" lvl="8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9pPr>
          </a:lstStyle>
          <a:p>
            <a:fld id="{00000000-1234-1234-1234-123412341234}" type="slidenum">
              <a:rPr lang="en" sz="1733"/>
              <a:pPr/>
              <a:t>38</a:t>
            </a:fld>
            <a:endParaRPr lang="en" sz="1733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17628267"/>
      </p:ext>
    </p:extLst>
  </p:cSld>
  <p:clrMapOvr>
    <a:masterClrMapping/>
  </p:clrMapOvr>
  <p:transition spd="slow">
    <p:randomBar dir="vert"/>
  </p:transition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CE652FF-BED0-C2E1-722F-166EA0C0B2D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7987DEC-B921-506F-204C-12EBB4DA9377}"/>
              </a:ext>
            </a:extLst>
          </p:cNvPr>
          <p:cNvSpPr/>
          <p:nvPr/>
        </p:nvSpPr>
        <p:spPr>
          <a:xfrm>
            <a:off x="2869581" y="202582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443DE878-B52A-86D7-7462-4424D69359BD}"/>
              </a:ext>
            </a:extLst>
          </p:cNvPr>
          <p:cNvSpPr/>
          <p:nvPr/>
        </p:nvSpPr>
        <p:spPr>
          <a:xfrm>
            <a:off x="2892242" y="3105607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WORK 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4E637F74-F518-6D00-2299-27EBD8412385}"/>
              </a:ext>
            </a:extLst>
          </p:cNvPr>
          <p:cNvSpPr/>
          <p:nvPr/>
        </p:nvSpPr>
        <p:spPr>
          <a:xfrm>
            <a:off x="2798457" y="4125515"/>
            <a:ext cx="6430177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DIVISION </a:t>
            </a:r>
          </a:p>
        </p:txBody>
      </p:sp>
      <p:pic>
        <p:nvPicPr>
          <p:cNvPr id="7" name="Graphic 6" descr="Clipboard Checked with solid fill">
            <a:extLst>
              <a:ext uri="{FF2B5EF4-FFF2-40B4-BE49-F238E27FC236}">
                <a16:creationId xmlns:a16="http://schemas.microsoft.com/office/drawing/2014/main" id="{CAF4A0E3-E453-7C5B-8F44-938F24325A1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45722" y="1014047"/>
            <a:ext cx="1500554" cy="1500554"/>
          </a:xfrm>
          <a:prstGeom prst="rect">
            <a:avLst/>
          </a:prstGeo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E12A81B-4682-1EB0-C1D8-44FF1942CB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9821102"/>
      </p:ext>
    </p:extLst>
  </p:cSld>
  <p:clrMapOvr>
    <a:masterClrMapping/>
  </p:clrMapOvr>
  <p:transition spd="slow" advTm="0"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val 9">
            <a:extLst>
              <a:ext uri="{FF2B5EF4-FFF2-40B4-BE49-F238E27FC236}">
                <a16:creationId xmlns:a16="http://schemas.microsoft.com/office/drawing/2014/main" id="{CF6B2B7C-89ED-F540-A64D-0D5E18A71354}"/>
              </a:ext>
            </a:extLst>
          </p:cNvPr>
          <p:cNvSpPr/>
          <p:nvPr/>
        </p:nvSpPr>
        <p:spPr>
          <a:xfrm>
            <a:off x="-1450258" y="-4117255"/>
            <a:ext cx="15092516" cy="15092510"/>
          </a:xfrm>
          <a:prstGeom prst="ellipse">
            <a:avLst/>
          </a:prstGeom>
          <a:noFill/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D6787DAF-363B-FF49-8B5C-94BB07360B4E}"/>
              </a:ext>
            </a:extLst>
          </p:cNvPr>
          <p:cNvSpPr/>
          <p:nvPr/>
        </p:nvSpPr>
        <p:spPr>
          <a:xfrm rot="2314562">
            <a:off x="1496965" y="313773"/>
            <a:ext cx="642321" cy="3943954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A550FAD0-EC64-B541-9FEF-F3F576427C79}"/>
              </a:ext>
            </a:extLst>
          </p:cNvPr>
          <p:cNvSpPr/>
          <p:nvPr/>
        </p:nvSpPr>
        <p:spPr>
          <a:xfrm rot="2314562">
            <a:off x="1384545" y="1613863"/>
            <a:ext cx="642321" cy="4080509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3" name="Rounded Rectangle 22">
            <a:extLst>
              <a:ext uri="{FF2B5EF4-FFF2-40B4-BE49-F238E27FC236}">
                <a16:creationId xmlns:a16="http://schemas.microsoft.com/office/drawing/2014/main" id="{95ACA153-32CF-B343-BD0F-8295EFA0D82C}"/>
              </a:ext>
            </a:extLst>
          </p:cNvPr>
          <p:cNvSpPr/>
          <p:nvPr/>
        </p:nvSpPr>
        <p:spPr>
          <a:xfrm rot="2314562">
            <a:off x="1563665" y="2358741"/>
            <a:ext cx="642321" cy="4513190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4" name="Rounded Rectangle 23">
            <a:extLst>
              <a:ext uri="{FF2B5EF4-FFF2-40B4-BE49-F238E27FC236}">
                <a16:creationId xmlns:a16="http://schemas.microsoft.com/office/drawing/2014/main" id="{4A087067-6FBB-1745-A5D4-628D980A11A2}"/>
              </a:ext>
            </a:extLst>
          </p:cNvPr>
          <p:cNvSpPr/>
          <p:nvPr/>
        </p:nvSpPr>
        <p:spPr>
          <a:xfrm rot="2314562">
            <a:off x="1014528" y="4518245"/>
            <a:ext cx="642321" cy="4019894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1ABBEE1-A4F3-6746-AE3A-4B6E12CE6CA3}"/>
              </a:ext>
            </a:extLst>
          </p:cNvPr>
          <p:cNvSpPr/>
          <p:nvPr/>
        </p:nvSpPr>
        <p:spPr>
          <a:xfrm>
            <a:off x="3794809" y="1030889"/>
            <a:ext cx="4764446" cy="101566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6000" b="1" spc="60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OUR TEAM</a:t>
            </a:r>
            <a:endParaRPr lang="en-LT" sz="6000" b="1" spc="60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anose="020B0503030101060003" pitchFamily="34" charset="77"/>
            </a:endParaRPr>
          </a:p>
        </p:txBody>
      </p:sp>
      <p:sp useBgFill="1">
        <p:nvSpPr>
          <p:cNvPr id="26" name="Rounded Rectangle 25">
            <a:extLst>
              <a:ext uri="{FF2B5EF4-FFF2-40B4-BE49-F238E27FC236}">
                <a16:creationId xmlns:a16="http://schemas.microsoft.com/office/drawing/2014/main" id="{79CF8A2E-6CD9-C246-88DB-41410F96B594}"/>
              </a:ext>
            </a:extLst>
          </p:cNvPr>
          <p:cNvSpPr/>
          <p:nvPr/>
        </p:nvSpPr>
        <p:spPr>
          <a:xfrm rot="2314562">
            <a:off x="10002831" y="2171981"/>
            <a:ext cx="642321" cy="3943954"/>
          </a:xfrm>
          <a:prstGeom prst="roundRect">
            <a:avLst>
              <a:gd name="adj" fmla="val 50000"/>
            </a:avLst>
          </a:prstGeom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7" name="Rounded Rectangle 26">
            <a:extLst>
              <a:ext uri="{FF2B5EF4-FFF2-40B4-BE49-F238E27FC236}">
                <a16:creationId xmlns:a16="http://schemas.microsoft.com/office/drawing/2014/main" id="{8BF71943-E162-8646-B793-F730AF1116CA}"/>
              </a:ext>
            </a:extLst>
          </p:cNvPr>
          <p:cNvSpPr/>
          <p:nvPr/>
        </p:nvSpPr>
        <p:spPr>
          <a:xfrm rot="2314562">
            <a:off x="9890411" y="3472071"/>
            <a:ext cx="642321" cy="4080509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8" name="Rounded Rectangle 27">
            <a:extLst>
              <a:ext uri="{FF2B5EF4-FFF2-40B4-BE49-F238E27FC236}">
                <a16:creationId xmlns:a16="http://schemas.microsoft.com/office/drawing/2014/main" id="{FC8B7B47-AD94-0B42-BF9A-FB712535E5D0}"/>
              </a:ext>
            </a:extLst>
          </p:cNvPr>
          <p:cNvSpPr/>
          <p:nvPr/>
        </p:nvSpPr>
        <p:spPr>
          <a:xfrm rot="2314562">
            <a:off x="10069531" y="4216949"/>
            <a:ext cx="642321" cy="4513190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14E00701-098F-CD4F-A308-C7B7ECDFF684}"/>
              </a:ext>
            </a:extLst>
          </p:cNvPr>
          <p:cNvSpPr/>
          <p:nvPr/>
        </p:nvSpPr>
        <p:spPr>
          <a:xfrm rot="2314562">
            <a:off x="9520394" y="6376453"/>
            <a:ext cx="642321" cy="4019894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pic>
        <p:nvPicPr>
          <p:cNvPr id="3" name="Graphic 2" descr="Lights On with solid fill">
            <a:extLst>
              <a:ext uri="{FF2B5EF4-FFF2-40B4-BE49-F238E27FC236}">
                <a16:creationId xmlns:a16="http://schemas.microsoft.com/office/drawing/2014/main" id="{6E588247-8025-6A2D-CB4B-080ADF6D928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372725" y="202858"/>
            <a:ext cx="957737" cy="957737"/>
          </a:xfrm>
          <a:prstGeom prst="rect">
            <a:avLst/>
          </a:prstGeom>
          <a:effectLst>
            <a:outerShdw blurRad="177800" sx="102000" sy="102000" algn="ctr" rotWithShape="0">
              <a:prstClr val="black">
                <a:alpha val="40000"/>
              </a:prstClr>
            </a:outerShdw>
          </a:effectLst>
        </p:spPr>
      </p:pic>
      <p:sp>
        <p:nvSpPr>
          <p:cNvPr id="7" name="Freeform: Shape 6">
            <a:extLst>
              <a:ext uri="{FF2B5EF4-FFF2-40B4-BE49-F238E27FC236}">
                <a16:creationId xmlns:a16="http://schemas.microsoft.com/office/drawing/2014/main" id="{32687B88-6A13-3D90-53A1-BA8C7610F8FB}"/>
              </a:ext>
            </a:extLst>
          </p:cNvPr>
          <p:cNvSpPr/>
          <p:nvPr/>
        </p:nvSpPr>
        <p:spPr>
          <a:xfrm>
            <a:off x="-17532" y="2832331"/>
            <a:ext cx="1946081" cy="3053543"/>
          </a:xfrm>
          <a:custGeom>
            <a:avLst/>
            <a:gdLst>
              <a:gd name="connsiteX0" fmla="*/ 508532 w 3051128"/>
              <a:gd name="connsiteY0" fmla="*/ 0 h 3928849"/>
              <a:gd name="connsiteX1" fmla="*/ 569341 w 3051128"/>
              <a:gd name="connsiteY1" fmla="*/ 0 h 3928849"/>
              <a:gd name="connsiteX2" fmla="*/ 568360 w 3051128"/>
              <a:gd name="connsiteY2" fmla="*/ 6428 h 3928849"/>
              <a:gd name="connsiteX3" fmla="*/ 563340 w 3051128"/>
              <a:gd name="connsiteY3" fmla="*/ 105835 h 3928849"/>
              <a:gd name="connsiteX4" fmla="*/ 1535591 w 3051128"/>
              <a:gd name="connsiteY4" fmla="*/ 1078086 h 3928849"/>
              <a:gd name="connsiteX5" fmla="*/ 2507842 w 3051128"/>
              <a:gd name="connsiteY5" fmla="*/ 105835 h 3928849"/>
              <a:gd name="connsiteX6" fmla="*/ 2502822 w 3051128"/>
              <a:gd name="connsiteY6" fmla="*/ 6428 h 3928849"/>
              <a:gd name="connsiteX7" fmla="*/ 2501841 w 3051128"/>
              <a:gd name="connsiteY7" fmla="*/ 0 h 3928849"/>
              <a:gd name="connsiteX8" fmla="*/ 2542596 w 3051128"/>
              <a:gd name="connsiteY8" fmla="*/ 0 h 3928849"/>
              <a:gd name="connsiteX9" fmla="*/ 3051128 w 3051128"/>
              <a:gd name="connsiteY9" fmla="*/ 508532 h 3928849"/>
              <a:gd name="connsiteX10" fmla="*/ 3051128 w 3051128"/>
              <a:gd name="connsiteY10" fmla="*/ 3420317 h 3928849"/>
              <a:gd name="connsiteX11" fmla="*/ 2542596 w 3051128"/>
              <a:gd name="connsiteY11" fmla="*/ 3928849 h 3928849"/>
              <a:gd name="connsiteX12" fmla="*/ 508532 w 3051128"/>
              <a:gd name="connsiteY12" fmla="*/ 3928849 h 3928849"/>
              <a:gd name="connsiteX13" fmla="*/ 0 w 3051128"/>
              <a:gd name="connsiteY13" fmla="*/ 3420317 h 3928849"/>
              <a:gd name="connsiteX14" fmla="*/ 0 w 3051128"/>
              <a:gd name="connsiteY14" fmla="*/ 508532 h 3928849"/>
              <a:gd name="connsiteX15" fmla="*/ 508532 w 3051128"/>
              <a:gd name="connsiteY15" fmla="*/ 0 h 392884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051128" h="3928849">
                <a:moveTo>
                  <a:pt x="508532" y="0"/>
                </a:moveTo>
                <a:lnTo>
                  <a:pt x="569341" y="0"/>
                </a:lnTo>
                <a:lnTo>
                  <a:pt x="568360" y="6428"/>
                </a:lnTo>
                <a:cubicBezTo>
                  <a:pt x="565041" y="39112"/>
                  <a:pt x="563340" y="72275"/>
                  <a:pt x="563340" y="105835"/>
                </a:cubicBezTo>
                <a:cubicBezTo>
                  <a:pt x="563340" y="642794"/>
                  <a:pt x="998632" y="1078086"/>
                  <a:pt x="1535591" y="1078086"/>
                </a:cubicBezTo>
                <a:cubicBezTo>
                  <a:pt x="2072550" y="1078086"/>
                  <a:pt x="2507842" y="642794"/>
                  <a:pt x="2507842" y="105835"/>
                </a:cubicBezTo>
                <a:cubicBezTo>
                  <a:pt x="2507842" y="72275"/>
                  <a:pt x="2506142" y="39112"/>
                  <a:pt x="2502822" y="6428"/>
                </a:cubicBezTo>
                <a:lnTo>
                  <a:pt x="2501841" y="0"/>
                </a:lnTo>
                <a:lnTo>
                  <a:pt x="2542596" y="0"/>
                </a:lnTo>
                <a:cubicBezTo>
                  <a:pt x="2823450" y="0"/>
                  <a:pt x="3051128" y="227678"/>
                  <a:pt x="3051128" y="508532"/>
                </a:cubicBezTo>
                <a:lnTo>
                  <a:pt x="3051128" y="3420317"/>
                </a:lnTo>
                <a:cubicBezTo>
                  <a:pt x="3051128" y="3701171"/>
                  <a:pt x="2823450" y="3928849"/>
                  <a:pt x="2542596" y="3928849"/>
                </a:cubicBezTo>
                <a:lnTo>
                  <a:pt x="508532" y="3928849"/>
                </a:lnTo>
                <a:cubicBezTo>
                  <a:pt x="227678" y="3928849"/>
                  <a:pt x="0" y="3701171"/>
                  <a:pt x="0" y="3420317"/>
                </a:cubicBezTo>
                <a:lnTo>
                  <a:pt x="0" y="508532"/>
                </a:lnTo>
                <a:cubicBezTo>
                  <a:pt x="0" y="227678"/>
                  <a:pt x="227678" y="0"/>
                  <a:pt x="508532" y="0"/>
                </a:cubicBezTo>
                <a:close/>
              </a:path>
            </a:pathLst>
          </a:custGeom>
          <a:gradFill>
            <a:gsLst>
              <a:gs pos="0">
                <a:schemeClr val="accent1">
                  <a:lumMod val="5000"/>
                  <a:lumOff val="95000"/>
                  <a:alpha val="20000"/>
                </a:schemeClr>
              </a:gs>
              <a:gs pos="100000">
                <a:schemeClr val="accent1">
                  <a:lumMod val="100000"/>
                  <a:alpha val="30000"/>
                </a:schemeClr>
              </a:gs>
              <a:gs pos="100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r>
              <a:rPr lang="en-US">
                <a:latin typeface="Raleway Black" pitchFamily="2" charset="0"/>
              </a:rPr>
              <a:t>DR. BILAL</a:t>
            </a:r>
          </a:p>
          <a:p>
            <a:pPr algn="ctr"/>
            <a:r>
              <a:rPr lang="en-US">
                <a:latin typeface="Raleway Black" pitchFamily="2" charset="0"/>
              </a:rPr>
              <a:t>ADVISOR</a:t>
            </a:r>
          </a:p>
          <a:p>
            <a:pPr algn="ctr"/>
            <a:r>
              <a:rPr lang="en-US">
                <a:latin typeface="Raleway Black" pitchFamily="2" charset="0"/>
              </a:rPr>
              <a:t> </a:t>
            </a:r>
          </a:p>
        </p:txBody>
      </p:sp>
      <p:pic>
        <p:nvPicPr>
          <p:cNvPr id="2058" name="Picture 10">
            <a:extLst>
              <a:ext uri="{FF2B5EF4-FFF2-40B4-BE49-F238E27FC236}">
                <a16:creationId xmlns:a16="http://schemas.microsoft.com/office/drawing/2014/main" id="{24AF9411-8F62-5F87-EEEC-52A0F88C6F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8938" y="5202851"/>
            <a:ext cx="579935" cy="5799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90A13E7E-0014-2FDD-21D4-A4966D0DD5BF}"/>
              </a:ext>
            </a:extLst>
          </p:cNvPr>
          <p:cNvSpPr/>
          <p:nvPr/>
        </p:nvSpPr>
        <p:spPr>
          <a:xfrm>
            <a:off x="2441589" y="2769616"/>
            <a:ext cx="1946081" cy="3053543"/>
          </a:xfrm>
          <a:custGeom>
            <a:avLst/>
            <a:gdLst>
              <a:gd name="connsiteX0" fmla="*/ 508532 w 3051128"/>
              <a:gd name="connsiteY0" fmla="*/ 0 h 3928849"/>
              <a:gd name="connsiteX1" fmla="*/ 569341 w 3051128"/>
              <a:gd name="connsiteY1" fmla="*/ 0 h 3928849"/>
              <a:gd name="connsiteX2" fmla="*/ 568360 w 3051128"/>
              <a:gd name="connsiteY2" fmla="*/ 6428 h 3928849"/>
              <a:gd name="connsiteX3" fmla="*/ 563340 w 3051128"/>
              <a:gd name="connsiteY3" fmla="*/ 105835 h 3928849"/>
              <a:gd name="connsiteX4" fmla="*/ 1535591 w 3051128"/>
              <a:gd name="connsiteY4" fmla="*/ 1078086 h 3928849"/>
              <a:gd name="connsiteX5" fmla="*/ 2507842 w 3051128"/>
              <a:gd name="connsiteY5" fmla="*/ 105835 h 3928849"/>
              <a:gd name="connsiteX6" fmla="*/ 2502822 w 3051128"/>
              <a:gd name="connsiteY6" fmla="*/ 6428 h 3928849"/>
              <a:gd name="connsiteX7" fmla="*/ 2501841 w 3051128"/>
              <a:gd name="connsiteY7" fmla="*/ 0 h 3928849"/>
              <a:gd name="connsiteX8" fmla="*/ 2542596 w 3051128"/>
              <a:gd name="connsiteY8" fmla="*/ 0 h 3928849"/>
              <a:gd name="connsiteX9" fmla="*/ 3051128 w 3051128"/>
              <a:gd name="connsiteY9" fmla="*/ 508532 h 3928849"/>
              <a:gd name="connsiteX10" fmla="*/ 3051128 w 3051128"/>
              <a:gd name="connsiteY10" fmla="*/ 3420317 h 3928849"/>
              <a:gd name="connsiteX11" fmla="*/ 2542596 w 3051128"/>
              <a:gd name="connsiteY11" fmla="*/ 3928849 h 3928849"/>
              <a:gd name="connsiteX12" fmla="*/ 508532 w 3051128"/>
              <a:gd name="connsiteY12" fmla="*/ 3928849 h 3928849"/>
              <a:gd name="connsiteX13" fmla="*/ 0 w 3051128"/>
              <a:gd name="connsiteY13" fmla="*/ 3420317 h 3928849"/>
              <a:gd name="connsiteX14" fmla="*/ 0 w 3051128"/>
              <a:gd name="connsiteY14" fmla="*/ 508532 h 3928849"/>
              <a:gd name="connsiteX15" fmla="*/ 508532 w 3051128"/>
              <a:gd name="connsiteY15" fmla="*/ 0 h 392884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051128" h="3928849">
                <a:moveTo>
                  <a:pt x="508532" y="0"/>
                </a:moveTo>
                <a:lnTo>
                  <a:pt x="569341" y="0"/>
                </a:lnTo>
                <a:lnTo>
                  <a:pt x="568360" y="6428"/>
                </a:lnTo>
                <a:cubicBezTo>
                  <a:pt x="565041" y="39112"/>
                  <a:pt x="563340" y="72275"/>
                  <a:pt x="563340" y="105835"/>
                </a:cubicBezTo>
                <a:cubicBezTo>
                  <a:pt x="563340" y="642794"/>
                  <a:pt x="998632" y="1078086"/>
                  <a:pt x="1535591" y="1078086"/>
                </a:cubicBezTo>
                <a:cubicBezTo>
                  <a:pt x="2072550" y="1078086"/>
                  <a:pt x="2507842" y="642794"/>
                  <a:pt x="2507842" y="105835"/>
                </a:cubicBezTo>
                <a:cubicBezTo>
                  <a:pt x="2507842" y="72275"/>
                  <a:pt x="2506142" y="39112"/>
                  <a:pt x="2502822" y="6428"/>
                </a:cubicBezTo>
                <a:lnTo>
                  <a:pt x="2501841" y="0"/>
                </a:lnTo>
                <a:lnTo>
                  <a:pt x="2542596" y="0"/>
                </a:lnTo>
                <a:cubicBezTo>
                  <a:pt x="2823450" y="0"/>
                  <a:pt x="3051128" y="227678"/>
                  <a:pt x="3051128" y="508532"/>
                </a:cubicBezTo>
                <a:lnTo>
                  <a:pt x="3051128" y="3420317"/>
                </a:lnTo>
                <a:cubicBezTo>
                  <a:pt x="3051128" y="3701171"/>
                  <a:pt x="2823450" y="3928849"/>
                  <a:pt x="2542596" y="3928849"/>
                </a:cubicBezTo>
                <a:lnTo>
                  <a:pt x="508532" y="3928849"/>
                </a:lnTo>
                <a:cubicBezTo>
                  <a:pt x="227678" y="3928849"/>
                  <a:pt x="0" y="3701171"/>
                  <a:pt x="0" y="3420317"/>
                </a:cubicBezTo>
                <a:lnTo>
                  <a:pt x="0" y="508532"/>
                </a:lnTo>
                <a:cubicBezTo>
                  <a:pt x="0" y="227678"/>
                  <a:pt x="227678" y="0"/>
                  <a:pt x="508532" y="0"/>
                </a:cubicBezTo>
                <a:close/>
              </a:path>
            </a:pathLst>
          </a:custGeom>
          <a:gradFill>
            <a:gsLst>
              <a:gs pos="0">
                <a:schemeClr val="accent1">
                  <a:lumMod val="5000"/>
                  <a:lumOff val="95000"/>
                  <a:alpha val="20000"/>
                </a:schemeClr>
              </a:gs>
              <a:gs pos="100000">
                <a:schemeClr val="accent1">
                  <a:lumMod val="100000"/>
                  <a:alpha val="30000"/>
                </a:schemeClr>
              </a:gs>
              <a:gs pos="100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 anchor="ctr">
            <a:noAutofit/>
          </a:bodyPr>
          <a:lstStyle/>
          <a:p>
            <a:pPr algn="ctr"/>
            <a:r>
              <a:rPr lang="en-US">
                <a:latin typeface="Raleway Black"/>
              </a:rPr>
              <a:t>SHEHARYAR FAISAL</a:t>
            </a:r>
          </a:p>
          <a:p>
            <a:pPr algn="ctr"/>
            <a:r>
              <a:rPr lang="en-US">
                <a:latin typeface="Raleway Black"/>
              </a:rPr>
              <a:t> </a:t>
            </a: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FD47C299-C6ED-2DB1-6A57-2ECE5F06FDEC}"/>
              </a:ext>
            </a:extLst>
          </p:cNvPr>
          <p:cNvSpPr/>
          <p:nvPr/>
        </p:nvSpPr>
        <p:spPr>
          <a:xfrm>
            <a:off x="7700748" y="1924417"/>
            <a:ext cx="1363489" cy="1465009"/>
          </a:xfrm>
          <a:prstGeom prst="ellipse">
            <a:avLst/>
          </a:prstGeom>
          <a:blipFill>
            <a:blip r:embed="rId6"/>
            <a:stretch>
              <a:fillRect/>
            </a:stretch>
          </a:blipFill>
          <a:ln w="762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6" name="Picture 10">
            <a:extLst>
              <a:ext uri="{FF2B5EF4-FFF2-40B4-BE49-F238E27FC236}">
                <a16:creationId xmlns:a16="http://schemas.microsoft.com/office/drawing/2014/main" id="{2671ABE3-4395-E807-CBDD-313FA881C7D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75279" y="5150204"/>
            <a:ext cx="568888" cy="5688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590D2197-975D-8471-878F-81FE39DB4E3F}"/>
              </a:ext>
            </a:extLst>
          </p:cNvPr>
          <p:cNvSpPr/>
          <p:nvPr/>
        </p:nvSpPr>
        <p:spPr>
          <a:xfrm>
            <a:off x="4903619" y="2699111"/>
            <a:ext cx="1946081" cy="3053543"/>
          </a:xfrm>
          <a:custGeom>
            <a:avLst/>
            <a:gdLst>
              <a:gd name="connsiteX0" fmla="*/ 508532 w 3051128"/>
              <a:gd name="connsiteY0" fmla="*/ 0 h 3928849"/>
              <a:gd name="connsiteX1" fmla="*/ 569341 w 3051128"/>
              <a:gd name="connsiteY1" fmla="*/ 0 h 3928849"/>
              <a:gd name="connsiteX2" fmla="*/ 568360 w 3051128"/>
              <a:gd name="connsiteY2" fmla="*/ 6428 h 3928849"/>
              <a:gd name="connsiteX3" fmla="*/ 563340 w 3051128"/>
              <a:gd name="connsiteY3" fmla="*/ 105835 h 3928849"/>
              <a:gd name="connsiteX4" fmla="*/ 1535591 w 3051128"/>
              <a:gd name="connsiteY4" fmla="*/ 1078086 h 3928849"/>
              <a:gd name="connsiteX5" fmla="*/ 2507842 w 3051128"/>
              <a:gd name="connsiteY5" fmla="*/ 105835 h 3928849"/>
              <a:gd name="connsiteX6" fmla="*/ 2502822 w 3051128"/>
              <a:gd name="connsiteY6" fmla="*/ 6428 h 3928849"/>
              <a:gd name="connsiteX7" fmla="*/ 2501841 w 3051128"/>
              <a:gd name="connsiteY7" fmla="*/ 0 h 3928849"/>
              <a:gd name="connsiteX8" fmla="*/ 2542596 w 3051128"/>
              <a:gd name="connsiteY8" fmla="*/ 0 h 3928849"/>
              <a:gd name="connsiteX9" fmla="*/ 3051128 w 3051128"/>
              <a:gd name="connsiteY9" fmla="*/ 508532 h 3928849"/>
              <a:gd name="connsiteX10" fmla="*/ 3051128 w 3051128"/>
              <a:gd name="connsiteY10" fmla="*/ 3420317 h 3928849"/>
              <a:gd name="connsiteX11" fmla="*/ 2542596 w 3051128"/>
              <a:gd name="connsiteY11" fmla="*/ 3928849 h 3928849"/>
              <a:gd name="connsiteX12" fmla="*/ 508532 w 3051128"/>
              <a:gd name="connsiteY12" fmla="*/ 3928849 h 3928849"/>
              <a:gd name="connsiteX13" fmla="*/ 0 w 3051128"/>
              <a:gd name="connsiteY13" fmla="*/ 3420317 h 3928849"/>
              <a:gd name="connsiteX14" fmla="*/ 0 w 3051128"/>
              <a:gd name="connsiteY14" fmla="*/ 508532 h 3928849"/>
              <a:gd name="connsiteX15" fmla="*/ 508532 w 3051128"/>
              <a:gd name="connsiteY15" fmla="*/ 0 h 392884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051128" h="3928849">
                <a:moveTo>
                  <a:pt x="508532" y="0"/>
                </a:moveTo>
                <a:lnTo>
                  <a:pt x="569341" y="0"/>
                </a:lnTo>
                <a:lnTo>
                  <a:pt x="568360" y="6428"/>
                </a:lnTo>
                <a:cubicBezTo>
                  <a:pt x="565041" y="39112"/>
                  <a:pt x="563340" y="72275"/>
                  <a:pt x="563340" y="105835"/>
                </a:cubicBezTo>
                <a:cubicBezTo>
                  <a:pt x="563340" y="642794"/>
                  <a:pt x="998632" y="1078086"/>
                  <a:pt x="1535591" y="1078086"/>
                </a:cubicBezTo>
                <a:cubicBezTo>
                  <a:pt x="2072550" y="1078086"/>
                  <a:pt x="2507842" y="642794"/>
                  <a:pt x="2507842" y="105835"/>
                </a:cubicBezTo>
                <a:cubicBezTo>
                  <a:pt x="2507842" y="72275"/>
                  <a:pt x="2506142" y="39112"/>
                  <a:pt x="2502822" y="6428"/>
                </a:cubicBezTo>
                <a:lnTo>
                  <a:pt x="2501841" y="0"/>
                </a:lnTo>
                <a:lnTo>
                  <a:pt x="2542596" y="0"/>
                </a:lnTo>
                <a:cubicBezTo>
                  <a:pt x="2823450" y="0"/>
                  <a:pt x="3051128" y="227678"/>
                  <a:pt x="3051128" y="508532"/>
                </a:cubicBezTo>
                <a:lnTo>
                  <a:pt x="3051128" y="3420317"/>
                </a:lnTo>
                <a:cubicBezTo>
                  <a:pt x="3051128" y="3701171"/>
                  <a:pt x="2823450" y="3928849"/>
                  <a:pt x="2542596" y="3928849"/>
                </a:cubicBezTo>
                <a:lnTo>
                  <a:pt x="508532" y="3928849"/>
                </a:lnTo>
                <a:cubicBezTo>
                  <a:pt x="227678" y="3928849"/>
                  <a:pt x="0" y="3701171"/>
                  <a:pt x="0" y="3420317"/>
                </a:cubicBezTo>
                <a:lnTo>
                  <a:pt x="0" y="508532"/>
                </a:lnTo>
                <a:cubicBezTo>
                  <a:pt x="0" y="227678"/>
                  <a:pt x="227678" y="0"/>
                  <a:pt x="508532" y="0"/>
                </a:cubicBezTo>
                <a:close/>
              </a:path>
            </a:pathLst>
          </a:custGeom>
          <a:gradFill>
            <a:gsLst>
              <a:gs pos="0">
                <a:schemeClr val="accent1">
                  <a:lumMod val="5000"/>
                  <a:lumOff val="95000"/>
                  <a:alpha val="20000"/>
                </a:schemeClr>
              </a:gs>
              <a:gs pos="100000">
                <a:schemeClr val="accent1">
                  <a:lumMod val="100000"/>
                  <a:alpha val="30000"/>
                </a:schemeClr>
              </a:gs>
              <a:gs pos="100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r>
              <a:rPr lang="en-US">
                <a:latin typeface="Raleway Black" pitchFamily="2" charset="0"/>
              </a:rPr>
              <a:t>M.ABDULLAH </a:t>
            </a:r>
          </a:p>
          <a:p>
            <a:pPr algn="ctr"/>
            <a:r>
              <a:rPr lang="en-US">
                <a:latin typeface="Raleway Black" pitchFamily="2" charset="0"/>
              </a:rPr>
              <a:t> </a:t>
            </a:r>
          </a:p>
        </p:txBody>
      </p:sp>
      <p:pic>
        <p:nvPicPr>
          <p:cNvPr id="19" name="Picture 10">
            <a:extLst>
              <a:ext uri="{FF2B5EF4-FFF2-40B4-BE49-F238E27FC236}">
                <a16:creationId xmlns:a16="http://schemas.microsoft.com/office/drawing/2014/main" id="{7A213E6D-E1D7-ED6E-05EC-19CCBE1252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69043" y="5116036"/>
            <a:ext cx="578706" cy="5787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Freeform: Shape 19">
            <a:extLst>
              <a:ext uri="{FF2B5EF4-FFF2-40B4-BE49-F238E27FC236}">
                <a16:creationId xmlns:a16="http://schemas.microsoft.com/office/drawing/2014/main" id="{3DBA20BD-CC46-E2A4-9BE1-6F5E8C55BBED}"/>
              </a:ext>
            </a:extLst>
          </p:cNvPr>
          <p:cNvSpPr/>
          <p:nvPr/>
        </p:nvSpPr>
        <p:spPr>
          <a:xfrm>
            <a:off x="9706479" y="2549621"/>
            <a:ext cx="1946081" cy="3053543"/>
          </a:xfrm>
          <a:custGeom>
            <a:avLst/>
            <a:gdLst>
              <a:gd name="connsiteX0" fmla="*/ 508532 w 3051128"/>
              <a:gd name="connsiteY0" fmla="*/ 0 h 3928849"/>
              <a:gd name="connsiteX1" fmla="*/ 569341 w 3051128"/>
              <a:gd name="connsiteY1" fmla="*/ 0 h 3928849"/>
              <a:gd name="connsiteX2" fmla="*/ 568360 w 3051128"/>
              <a:gd name="connsiteY2" fmla="*/ 6428 h 3928849"/>
              <a:gd name="connsiteX3" fmla="*/ 563340 w 3051128"/>
              <a:gd name="connsiteY3" fmla="*/ 105835 h 3928849"/>
              <a:gd name="connsiteX4" fmla="*/ 1535591 w 3051128"/>
              <a:gd name="connsiteY4" fmla="*/ 1078086 h 3928849"/>
              <a:gd name="connsiteX5" fmla="*/ 2507842 w 3051128"/>
              <a:gd name="connsiteY5" fmla="*/ 105835 h 3928849"/>
              <a:gd name="connsiteX6" fmla="*/ 2502822 w 3051128"/>
              <a:gd name="connsiteY6" fmla="*/ 6428 h 3928849"/>
              <a:gd name="connsiteX7" fmla="*/ 2501841 w 3051128"/>
              <a:gd name="connsiteY7" fmla="*/ 0 h 3928849"/>
              <a:gd name="connsiteX8" fmla="*/ 2542596 w 3051128"/>
              <a:gd name="connsiteY8" fmla="*/ 0 h 3928849"/>
              <a:gd name="connsiteX9" fmla="*/ 3051128 w 3051128"/>
              <a:gd name="connsiteY9" fmla="*/ 508532 h 3928849"/>
              <a:gd name="connsiteX10" fmla="*/ 3051128 w 3051128"/>
              <a:gd name="connsiteY10" fmla="*/ 3420317 h 3928849"/>
              <a:gd name="connsiteX11" fmla="*/ 2542596 w 3051128"/>
              <a:gd name="connsiteY11" fmla="*/ 3928849 h 3928849"/>
              <a:gd name="connsiteX12" fmla="*/ 508532 w 3051128"/>
              <a:gd name="connsiteY12" fmla="*/ 3928849 h 3928849"/>
              <a:gd name="connsiteX13" fmla="*/ 0 w 3051128"/>
              <a:gd name="connsiteY13" fmla="*/ 3420317 h 3928849"/>
              <a:gd name="connsiteX14" fmla="*/ 0 w 3051128"/>
              <a:gd name="connsiteY14" fmla="*/ 508532 h 3928849"/>
              <a:gd name="connsiteX15" fmla="*/ 508532 w 3051128"/>
              <a:gd name="connsiteY15" fmla="*/ 0 h 392884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051128" h="3928849">
                <a:moveTo>
                  <a:pt x="508532" y="0"/>
                </a:moveTo>
                <a:lnTo>
                  <a:pt x="569341" y="0"/>
                </a:lnTo>
                <a:lnTo>
                  <a:pt x="568360" y="6428"/>
                </a:lnTo>
                <a:cubicBezTo>
                  <a:pt x="565041" y="39112"/>
                  <a:pt x="563340" y="72275"/>
                  <a:pt x="563340" y="105835"/>
                </a:cubicBezTo>
                <a:cubicBezTo>
                  <a:pt x="563340" y="642794"/>
                  <a:pt x="998632" y="1078086"/>
                  <a:pt x="1535591" y="1078086"/>
                </a:cubicBezTo>
                <a:cubicBezTo>
                  <a:pt x="2072550" y="1078086"/>
                  <a:pt x="2507842" y="642794"/>
                  <a:pt x="2507842" y="105835"/>
                </a:cubicBezTo>
                <a:cubicBezTo>
                  <a:pt x="2507842" y="72275"/>
                  <a:pt x="2506142" y="39112"/>
                  <a:pt x="2502822" y="6428"/>
                </a:cubicBezTo>
                <a:lnTo>
                  <a:pt x="2501841" y="0"/>
                </a:lnTo>
                <a:lnTo>
                  <a:pt x="2542596" y="0"/>
                </a:lnTo>
                <a:cubicBezTo>
                  <a:pt x="2823450" y="0"/>
                  <a:pt x="3051128" y="227678"/>
                  <a:pt x="3051128" y="508532"/>
                </a:cubicBezTo>
                <a:lnTo>
                  <a:pt x="3051128" y="3420317"/>
                </a:lnTo>
                <a:cubicBezTo>
                  <a:pt x="3051128" y="3701171"/>
                  <a:pt x="2823450" y="3928849"/>
                  <a:pt x="2542596" y="3928849"/>
                </a:cubicBezTo>
                <a:lnTo>
                  <a:pt x="508532" y="3928849"/>
                </a:lnTo>
                <a:cubicBezTo>
                  <a:pt x="227678" y="3928849"/>
                  <a:pt x="0" y="3701171"/>
                  <a:pt x="0" y="3420317"/>
                </a:cubicBezTo>
                <a:lnTo>
                  <a:pt x="0" y="508532"/>
                </a:lnTo>
                <a:cubicBezTo>
                  <a:pt x="0" y="227678"/>
                  <a:pt x="227678" y="0"/>
                  <a:pt x="508532" y="0"/>
                </a:cubicBezTo>
                <a:close/>
              </a:path>
            </a:pathLst>
          </a:custGeom>
          <a:gradFill>
            <a:gsLst>
              <a:gs pos="0">
                <a:schemeClr val="accent1">
                  <a:lumMod val="5000"/>
                  <a:lumOff val="95000"/>
                  <a:alpha val="20000"/>
                </a:schemeClr>
              </a:gs>
              <a:gs pos="100000">
                <a:schemeClr val="accent1">
                  <a:lumMod val="100000"/>
                  <a:alpha val="30000"/>
                </a:schemeClr>
              </a:gs>
              <a:gs pos="100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r>
              <a:rPr lang="en-US">
                <a:latin typeface="Raleway Black" pitchFamily="2" charset="0"/>
              </a:rPr>
              <a:t>M.MUBASHIR</a:t>
            </a:r>
          </a:p>
          <a:p>
            <a:pPr algn="ctr"/>
            <a:r>
              <a:rPr lang="en-US">
                <a:latin typeface="Raleway Black" pitchFamily="2" charset="0"/>
              </a:rPr>
              <a:t>KHANZADA</a:t>
            </a:r>
          </a:p>
          <a:p>
            <a:pPr algn="ctr"/>
            <a:r>
              <a:rPr lang="en-US">
                <a:latin typeface="Raleway Black" pitchFamily="2" charset="0"/>
              </a:rPr>
              <a:t> </a:t>
            </a:r>
          </a:p>
        </p:txBody>
      </p:sp>
      <p:pic>
        <p:nvPicPr>
          <p:cNvPr id="30" name="Picture 10">
            <a:extLst>
              <a:ext uri="{FF2B5EF4-FFF2-40B4-BE49-F238E27FC236}">
                <a16:creationId xmlns:a16="http://schemas.microsoft.com/office/drawing/2014/main" id="{6C51A3B2-3C28-08E7-5448-EFD7B144E2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69154" y="5146706"/>
            <a:ext cx="548036" cy="5480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51" name="Freeform: Shape 2050">
            <a:extLst>
              <a:ext uri="{FF2B5EF4-FFF2-40B4-BE49-F238E27FC236}">
                <a16:creationId xmlns:a16="http://schemas.microsoft.com/office/drawing/2014/main" id="{605BEBE1-C3EB-EA20-244F-4550E5346A98}"/>
              </a:ext>
            </a:extLst>
          </p:cNvPr>
          <p:cNvSpPr/>
          <p:nvPr/>
        </p:nvSpPr>
        <p:spPr>
          <a:xfrm>
            <a:off x="7374929" y="2670418"/>
            <a:ext cx="1946081" cy="3053543"/>
          </a:xfrm>
          <a:custGeom>
            <a:avLst/>
            <a:gdLst>
              <a:gd name="connsiteX0" fmla="*/ 508532 w 3051128"/>
              <a:gd name="connsiteY0" fmla="*/ 0 h 3928849"/>
              <a:gd name="connsiteX1" fmla="*/ 569341 w 3051128"/>
              <a:gd name="connsiteY1" fmla="*/ 0 h 3928849"/>
              <a:gd name="connsiteX2" fmla="*/ 568360 w 3051128"/>
              <a:gd name="connsiteY2" fmla="*/ 6428 h 3928849"/>
              <a:gd name="connsiteX3" fmla="*/ 563340 w 3051128"/>
              <a:gd name="connsiteY3" fmla="*/ 105835 h 3928849"/>
              <a:gd name="connsiteX4" fmla="*/ 1535591 w 3051128"/>
              <a:gd name="connsiteY4" fmla="*/ 1078086 h 3928849"/>
              <a:gd name="connsiteX5" fmla="*/ 2507842 w 3051128"/>
              <a:gd name="connsiteY5" fmla="*/ 105835 h 3928849"/>
              <a:gd name="connsiteX6" fmla="*/ 2502822 w 3051128"/>
              <a:gd name="connsiteY6" fmla="*/ 6428 h 3928849"/>
              <a:gd name="connsiteX7" fmla="*/ 2501841 w 3051128"/>
              <a:gd name="connsiteY7" fmla="*/ 0 h 3928849"/>
              <a:gd name="connsiteX8" fmla="*/ 2542596 w 3051128"/>
              <a:gd name="connsiteY8" fmla="*/ 0 h 3928849"/>
              <a:gd name="connsiteX9" fmla="*/ 3051128 w 3051128"/>
              <a:gd name="connsiteY9" fmla="*/ 508532 h 3928849"/>
              <a:gd name="connsiteX10" fmla="*/ 3051128 w 3051128"/>
              <a:gd name="connsiteY10" fmla="*/ 3420317 h 3928849"/>
              <a:gd name="connsiteX11" fmla="*/ 2542596 w 3051128"/>
              <a:gd name="connsiteY11" fmla="*/ 3928849 h 3928849"/>
              <a:gd name="connsiteX12" fmla="*/ 508532 w 3051128"/>
              <a:gd name="connsiteY12" fmla="*/ 3928849 h 3928849"/>
              <a:gd name="connsiteX13" fmla="*/ 0 w 3051128"/>
              <a:gd name="connsiteY13" fmla="*/ 3420317 h 3928849"/>
              <a:gd name="connsiteX14" fmla="*/ 0 w 3051128"/>
              <a:gd name="connsiteY14" fmla="*/ 508532 h 3928849"/>
              <a:gd name="connsiteX15" fmla="*/ 508532 w 3051128"/>
              <a:gd name="connsiteY15" fmla="*/ 0 h 392884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051128" h="3928849">
                <a:moveTo>
                  <a:pt x="508532" y="0"/>
                </a:moveTo>
                <a:lnTo>
                  <a:pt x="569341" y="0"/>
                </a:lnTo>
                <a:lnTo>
                  <a:pt x="568360" y="6428"/>
                </a:lnTo>
                <a:cubicBezTo>
                  <a:pt x="565041" y="39112"/>
                  <a:pt x="563340" y="72275"/>
                  <a:pt x="563340" y="105835"/>
                </a:cubicBezTo>
                <a:cubicBezTo>
                  <a:pt x="563340" y="642794"/>
                  <a:pt x="998632" y="1078086"/>
                  <a:pt x="1535591" y="1078086"/>
                </a:cubicBezTo>
                <a:cubicBezTo>
                  <a:pt x="2072550" y="1078086"/>
                  <a:pt x="2507842" y="642794"/>
                  <a:pt x="2507842" y="105835"/>
                </a:cubicBezTo>
                <a:cubicBezTo>
                  <a:pt x="2507842" y="72275"/>
                  <a:pt x="2506142" y="39112"/>
                  <a:pt x="2502822" y="6428"/>
                </a:cubicBezTo>
                <a:lnTo>
                  <a:pt x="2501841" y="0"/>
                </a:lnTo>
                <a:lnTo>
                  <a:pt x="2542596" y="0"/>
                </a:lnTo>
                <a:cubicBezTo>
                  <a:pt x="2823450" y="0"/>
                  <a:pt x="3051128" y="227678"/>
                  <a:pt x="3051128" y="508532"/>
                </a:cubicBezTo>
                <a:lnTo>
                  <a:pt x="3051128" y="3420317"/>
                </a:lnTo>
                <a:cubicBezTo>
                  <a:pt x="3051128" y="3701171"/>
                  <a:pt x="2823450" y="3928849"/>
                  <a:pt x="2542596" y="3928849"/>
                </a:cubicBezTo>
                <a:lnTo>
                  <a:pt x="508532" y="3928849"/>
                </a:lnTo>
                <a:cubicBezTo>
                  <a:pt x="227678" y="3928849"/>
                  <a:pt x="0" y="3701171"/>
                  <a:pt x="0" y="3420317"/>
                </a:cubicBezTo>
                <a:lnTo>
                  <a:pt x="0" y="508532"/>
                </a:lnTo>
                <a:cubicBezTo>
                  <a:pt x="0" y="227678"/>
                  <a:pt x="227678" y="0"/>
                  <a:pt x="508532" y="0"/>
                </a:cubicBezTo>
                <a:close/>
              </a:path>
            </a:pathLst>
          </a:custGeom>
          <a:gradFill>
            <a:gsLst>
              <a:gs pos="0">
                <a:schemeClr val="accent1">
                  <a:lumMod val="5000"/>
                  <a:lumOff val="95000"/>
                  <a:alpha val="20000"/>
                </a:schemeClr>
              </a:gs>
              <a:gs pos="100000">
                <a:schemeClr val="accent1">
                  <a:lumMod val="100000"/>
                  <a:alpha val="30000"/>
                </a:schemeClr>
              </a:gs>
              <a:gs pos="100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r>
              <a:rPr lang="en-US">
                <a:latin typeface="Raleway Black" pitchFamily="2" charset="0"/>
              </a:rPr>
              <a:t>M.TAYYAB</a:t>
            </a:r>
          </a:p>
          <a:p>
            <a:pPr algn="ctr"/>
            <a:r>
              <a:rPr lang="en-US">
                <a:latin typeface="Raleway Black" pitchFamily="2" charset="0"/>
              </a:rPr>
              <a:t> </a:t>
            </a:r>
          </a:p>
        </p:txBody>
      </p:sp>
      <p:pic>
        <p:nvPicPr>
          <p:cNvPr id="2055" name="Picture 10">
            <a:extLst>
              <a:ext uri="{FF2B5EF4-FFF2-40B4-BE49-F238E27FC236}">
                <a16:creationId xmlns:a16="http://schemas.microsoft.com/office/drawing/2014/main" id="{F1A59BF0-6C09-DB5F-1D5D-1EB43A00FC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43799" y="5158934"/>
            <a:ext cx="550822" cy="5508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57" name="Oval 2056">
            <a:extLst>
              <a:ext uri="{FF2B5EF4-FFF2-40B4-BE49-F238E27FC236}">
                <a16:creationId xmlns:a16="http://schemas.microsoft.com/office/drawing/2014/main" id="{F043BD21-78B3-1E99-9512-5BAB18FA8781}"/>
              </a:ext>
            </a:extLst>
          </p:cNvPr>
          <p:cNvSpPr/>
          <p:nvPr/>
        </p:nvSpPr>
        <p:spPr>
          <a:xfrm>
            <a:off x="337416" y="2101321"/>
            <a:ext cx="1363489" cy="1465009"/>
          </a:xfrm>
          <a:prstGeom prst="ellipse">
            <a:avLst/>
          </a:prstGeom>
          <a:blipFill>
            <a:blip r:embed="rId7"/>
            <a:stretch>
              <a:fillRect/>
            </a:stretch>
          </a:blipFill>
          <a:ln w="762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0" name="Oval 2059">
            <a:extLst>
              <a:ext uri="{FF2B5EF4-FFF2-40B4-BE49-F238E27FC236}">
                <a16:creationId xmlns:a16="http://schemas.microsoft.com/office/drawing/2014/main" id="{E7019E45-CA11-FA33-4258-A88204B69B6B}"/>
              </a:ext>
            </a:extLst>
          </p:cNvPr>
          <p:cNvSpPr/>
          <p:nvPr/>
        </p:nvSpPr>
        <p:spPr>
          <a:xfrm>
            <a:off x="5201140" y="1988626"/>
            <a:ext cx="1363489" cy="1465009"/>
          </a:xfrm>
          <a:prstGeom prst="ellipse">
            <a:avLst/>
          </a:prstGeom>
          <a:blipFill>
            <a:blip r:embed="rId8"/>
            <a:stretch>
              <a:fillRect t="-1224" b="1224"/>
            </a:stretch>
          </a:blipFill>
          <a:ln w="762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1" name="Oval 2060">
            <a:extLst>
              <a:ext uri="{FF2B5EF4-FFF2-40B4-BE49-F238E27FC236}">
                <a16:creationId xmlns:a16="http://schemas.microsoft.com/office/drawing/2014/main" id="{67891172-72CE-B7E2-8A3B-0713C0D8D2BA}"/>
              </a:ext>
            </a:extLst>
          </p:cNvPr>
          <p:cNvSpPr/>
          <p:nvPr/>
        </p:nvSpPr>
        <p:spPr>
          <a:xfrm>
            <a:off x="2694565" y="2105458"/>
            <a:ext cx="1363489" cy="1465009"/>
          </a:xfrm>
          <a:prstGeom prst="ellipse">
            <a:avLst/>
          </a:prstGeom>
          <a:blipFill>
            <a:blip r:embed="rId9"/>
            <a:stretch>
              <a:fillRect t="-1224" b="1224"/>
            </a:stretch>
          </a:blipFill>
          <a:ln w="762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2" name="Oval 2061">
            <a:extLst>
              <a:ext uri="{FF2B5EF4-FFF2-40B4-BE49-F238E27FC236}">
                <a16:creationId xmlns:a16="http://schemas.microsoft.com/office/drawing/2014/main" id="{8879B179-4D64-5352-0C13-BEB3E9100330}"/>
              </a:ext>
            </a:extLst>
          </p:cNvPr>
          <p:cNvSpPr/>
          <p:nvPr/>
        </p:nvSpPr>
        <p:spPr>
          <a:xfrm>
            <a:off x="10118932" y="1960132"/>
            <a:ext cx="1363489" cy="1465009"/>
          </a:xfrm>
          <a:prstGeom prst="ellipse">
            <a:avLst/>
          </a:prstGeom>
          <a:blipFill>
            <a:blip r:embed="rId10"/>
            <a:stretch>
              <a:fillRect t="-1224" b="1224"/>
            </a:stretch>
          </a:blipFill>
          <a:ln w="762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5BC4A64-E354-020C-F12D-C8B8B8C1DF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552780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6" presetClass="path" presetSubtype="0" repeatCount="indefinite" accel="50000" decel="50000" autoRev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29167E-6 -3.33333E-6 L 0.04245 -0.09352 " pathEditMode="relative" rAng="0" ptsTypes="AA">
                                      <p:cBhvr>
                                        <p:cTn id="6" dur="3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56" presetClass="path" presetSubtype="0" repeatCount="indefinite" accel="50000" decel="50000" autoRev="1" fill="hold" grpId="0" nodeType="withEffect">
                                  <p:stCondLst>
                                    <p:cond delay="400"/>
                                  </p:stCondLst>
                                  <p:childTnLst>
                                    <p:animMotion origin="layout" path="M 2.5E-6 -3.7037E-7 L 0.04245 -0.09352 " pathEditMode="relative" rAng="0" ptsTypes="AA">
                                      <p:cBhvr>
                                        <p:cTn id="8" dur="3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56" presetClass="path" presetSubtype="0" repeatCount="indefinite" accel="50000" decel="50000" autoRev="1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animMotion origin="layout" path="M -1.04167E-6 3.33333E-6 L 0.04245 -0.09352 " pathEditMode="relative" rAng="0" ptsTypes="AA">
                                      <p:cBhvr>
                                        <p:cTn id="10" dur="3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56" presetClass="path" presetSubtype="0" repeatCount="indefinite" accel="50000" decel="50000" autoRev="1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animMotion origin="layout" path="M 1.04167E-6 -1.85185E-6 L 0.04245 -0.09352 " pathEditMode="relative" rAng="0" ptsTypes="AA">
                                      <p:cBhvr>
                                        <p:cTn id="12" dur="3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3" presetID="56" presetClass="path" presetSubtype="0" repeatCount="indefinite" accel="50000" decel="50000" autoRev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29167E-6 -3.33333E-6 L 0.04245 -0.09352 " pathEditMode="relative" rAng="0" ptsTypes="AA">
                                      <p:cBhvr>
                                        <p:cTn id="14" dur="3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5" presetID="56" presetClass="path" presetSubtype="0" repeatCount="indefinite" accel="50000" decel="50000" autoRev="1" fill="hold" grpId="0" nodeType="withEffect">
                                  <p:stCondLst>
                                    <p:cond delay="400"/>
                                  </p:stCondLst>
                                  <p:childTnLst>
                                    <p:animMotion origin="layout" path="M 2.5E-6 -3.7037E-7 L 0.04245 -0.09352 " pathEditMode="relative" rAng="0" ptsTypes="AA">
                                      <p:cBhvr>
                                        <p:cTn id="16" dur="3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7" presetID="56" presetClass="path" presetSubtype="0" repeatCount="indefinite" accel="50000" decel="50000" autoRev="1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animMotion origin="layout" path="M -1.04167E-6 3.33333E-6 L 0.04245 -0.09352 " pathEditMode="relative" rAng="0" ptsTypes="AA">
                                      <p:cBhvr>
                                        <p:cTn id="18" dur="3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9" presetID="56" presetClass="path" presetSubtype="0" repeatCount="indefinite" accel="50000" decel="50000" autoRev="1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animMotion origin="layout" path="M 1.04167E-6 -1.85185E-6 L 0.04245 -0.09352 " pathEditMode="relative" rAng="0" ptsTypes="AA">
                                      <p:cBhvr>
                                        <p:cTn id="20" dur="3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0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20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32" presetClass="emph" presetSubtype="0" fill="hold" grpId="1" nodeType="withEffect">
                                  <p:stCondLst>
                                    <p:cond delay="500"/>
                                  </p:stCondLst>
                                  <p:childTnLst>
                                    <p:animRot by="120000">
                                      <p:cBhvr>
                                        <p:cTn id="33" dur="1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7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34" dur="200" fill="hold">
                                          <p:stCondLst>
                                            <p:cond delay="200"/>
                                          </p:stCondLst>
                                        </p:cTn>
                                        <p:tgtEl>
                                          <p:spTgt spid="2057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35" dur="200" fill="hold">
                                          <p:stCondLst>
                                            <p:cond delay="400"/>
                                          </p:stCondLst>
                                        </p:cTn>
                                        <p:tgtEl>
                                          <p:spTgt spid="2057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36" dur="200" fill="hold">
                                          <p:stCondLst>
                                            <p:cond delay="600"/>
                                          </p:stCondLst>
                                        </p:cTn>
                                        <p:tgtEl>
                                          <p:spTgt spid="2057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37" dur="200" fill="hold">
                                          <p:stCondLst>
                                            <p:cond delay="800"/>
                                          </p:stCondLst>
                                        </p:cTn>
                                        <p:tgtEl>
                                          <p:spTgt spid="2057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0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32" presetClass="emph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Rot by="120000">
                                      <p:cBhvr>
                                        <p:cTn id="50" dur="1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1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51" dur="200" fill="hold">
                                          <p:stCondLst>
                                            <p:cond delay="200"/>
                                          </p:stCondLst>
                                        </p:cTn>
                                        <p:tgtEl>
                                          <p:spTgt spid="2061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52" dur="200" fill="hold">
                                          <p:stCondLst>
                                            <p:cond delay="400"/>
                                          </p:stCondLst>
                                        </p:cTn>
                                        <p:tgtEl>
                                          <p:spTgt spid="2061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53" dur="200" fill="hold">
                                          <p:stCondLst>
                                            <p:cond delay="600"/>
                                          </p:stCondLst>
                                        </p:cTn>
                                        <p:tgtEl>
                                          <p:spTgt spid="2061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54" dur="200" fill="hold">
                                          <p:stCondLst>
                                            <p:cond delay="800"/>
                                          </p:stCondLst>
                                        </p:cTn>
                                        <p:tgtEl>
                                          <p:spTgt spid="2061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20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32" presetClass="emph" presetSubtype="0" fill="hold" grpId="1" nodeType="withEffect">
                                  <p:stCondLst>
                                    <p:cond delay="500"/>
                                  </p:stCondLst>
                                  <p:childTnLst>
                                    <p:animRot by="120000">
                                      <p:cBhvr>
                                        <p:cTn id="67" dur="1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0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68" dur="200" fill="hold">
                                          <p:stCondLst>
                                            <p:cond delay="200"/>
                                          </p:stCondLst>
                                        </p:cTn>
                                        <p:tgtEl>
                                          <p:spTgt spid="2060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69" dur="200" fill="hold">
                                          <p:stCondLst>
                                            <p:cond delay="400"/>
                                          </p:stCondLst>
                                        </p:cTn>
                                        <p:tgtEl>
                                          <p:spTgt spid="2060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70" dur="200" fill="hold">
                                          <p:stCondLst>
                                            <p:cond delay="600"/>
                                          </p:stCondLst>
                                        </p:cTn>
                                        <p:tgtEl>
                                          <p:spTgt spid="2060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71" dur="200" fill="hold">
                                          <p:stCondLst>
                                            <p:cond delay="800"/>
                                          </p:stCondLst>
                                        </p:cTn>
                                        <p:tgtEl>
                                          <p:spTgt spid="2060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2" fill="hold">
                      <p:stCondLst>
                        <p:cond delay="indefinite"/>
                      </p:stCondLst>
                      <p:childTnLst>
                        <p:par>
                          <p:cTn id="73" fill="hold">
                            <p:stCondLst>
                              <p:cond delay="0"/>
                            </p:stCondLst>
                            <p:childTnLst>
                              <p:par>
                                <p:cTn id="7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20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20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32" presetClass="emph" presetSubtype="0" fill="hold" grpId="1" nodeType="withEffect">
                                  <p:stCondLst>
                                    <p:cond delay="500"/>
                                  </p:stCondLst>
                                  <p:childTnLst>
                                    <p:animRot by="120000">
                                      <p:cBhvr>
                                        <p:cTn id="84" dur="1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85" dur="200" fill="hold">
                                          <p:stCondLst>
                                            <p:cond delay="20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86" dur="200" fill="hold">
                                          <p:stCondLst>
                                            <p:cond delay="40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87" dur="200" fill="hold">
                                          <p:stCondLst>
                                            <p:cond delay="60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88" dur="200" fill="hold">
                                          <p:stCondLst>
                                            <p:cond delay="80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20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0" presetID="32" presetClass="emph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Rot by="120000">
                                      <p:cBhvr>
                                        <p:cTn id="101" dur="1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102" dur="200" fill="hold">
                                          <p:stCondLst>
                                            <p:cond delay="200"/>
                                          </p:stCondLst>
                                        </p:cTn>
                                        <p:tgtEl>
                                          <p:spTgt spid="206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103" dur="200" fill="hold">
                                          <p:stCondLst>
                                            <p:cond delay="400"/>
                                          </p:stCondLst>
                                        </p:cTn>
                                        <p:tgtEl>
                                          <p:spTgt spid="206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104" dur="200" fill="hold">
                                          <p:stCondLst>
                                            <p:cond delay="600"/>
                                          </p:stCondLst>
                                        </p:cTn>
                                        <p:tgtEl>
                                          <p:spTgt spid="206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105" dur="200" fill="hold">
                                          <p:stCondLst>
                                            <p:cond delay="800"/>
                                          </p:stCondLst>
                                        </p:cTn>
                                        <p:tgtEl>
                                          <p:spTgt spid="206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2" grpId="0" animBg="1"/>
      <p:bldP spid="23" grpId="0" animBg="1"/>
      <p:bldP spid="24" grpId="0" animBg="1"/>
      <p:bldP spid="26" grpId="0" animBg="1"/>
      <p:bldP spid="27" grpId="0" animBg="1"/>
      <p:bldP spid="28" grpId="0" animBg="1"/>
      <p:bldP spid="29" grpId="0" animBg="1"/>
      <p:bldP spid="7" grpId="0" animBg="1"/>
      <p:bldP spid="14" grpId="0" animBg="1"/>
      <p:bldP spid="15" grpId="0" animBg="1"/>
      <p:bldP spid="15" grpId="1" animBg="1"/>
      <p:bldP spid="17" grpId="0" animBg="1"/>
      <p:bldP spid="20" grpId="0" animBg="1"/>
      <p:bldP spid="2051" grpId="0" animBg="1"/>
      <p:bldP spid="2057" grpId="0" animBg="1"/>
      <p:bldP spid="2057" grpId="1" animBg="1"/>
      <p:bldP spid="2060" grpId="0" animBg="1"/>
      <p:bldP spid="2060" grpId="1" animBg="1"/>
      <p:bldP spid="2061" grpId="0" animBg="1"/>
      <p:bldP spid="2061" grpId="1" animBg="1"/>
      <p:bldP spid="2062" grpId="0" animBg="1"/>
      <p:bldP spid="2062" grpId="1" animBg="1"/>
    </p:bld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39F65B37-CEE4-30BF-9386-23849E5F8850}"/>
              </a:ext>
            </a:extLst>
          </p:cNvPr>
          <p:cNvSpPr/>
          <p:nvPr/>
        </p:nvSpPr>
        <p:spPr>
          <a:xfrm>
            <a:off x="1801379" y="346365"/>
            <a:ext cx="8112642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WORK DIVISION 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6703069E-A2CE-867C-1FC4-D9407B5E9C72}"/>
              </a:ext>
            </a:extLst>
          </p:cNvPr>
          <p:cNvSpPr>
            <a:spLocks noGrp="1"/>
          </p:cNvSpPr>
          <p:nvPr/>
        </p:nvSpPr>
        <p:spPr>
          <a:xfrm>
            <a:off x="753362" y="2003680"/>
            <a:ext cx="3969736" cy="1786677"/>
          </a:xfrm>
          <a:prstGeom prst="rect">
            <a:avLst/>
          </a:prstGeom>
        </p:spPr>
        <p:txBody>
          <a:bodyPr vert="horz" lIns="91440" tIns="45720" rIns="91440" bIns="45720" rtlCol="0" anchor="t">
            <a:normAutofit fontScale="70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5800" b="1" err="1">
                <a:solidFill>
                  <a:schemeClr val="bg1"/>
                </a:solidFill>
                <a:cs typeface="Calibri"/>
              </a:rPr>
              <a:t>Sheharyar</a:t>
            </a:r>
            <a:r>
              <a:rPr lang="en-GB" sz="5800" b="1">
                <a:solidFill>
                  <a:schemeClr val="bg1"/>
                </a:solidFill>
                <a:cs typeface="Calibri"/>
              </a:rPr>
              <a:t> Faisal</a:t>
            </a:r>
            <a:endParaRPr lang="en-US" sz="3600">
              <a:solidFill>
                <a:schemeClr val="bg1"/>
              </a:solidFill>
              <a:cs typeface="Calibri" panose="020F0502020204030204"/>
            </a:endParaRPr>
          </a:p>
          <a:p>
            <a:r>
              <a:rPr lang="en-US" sz="3600">
                <a:solidFill>
                  <a:schemeClr val="bg1"/>
                </a:solidFill>
                <a:cs typeface="Calibri" panose="020F0502020204030204"/>
              </a:rPr>
              <a:t>Simulation</a:t>
            </a:r>
          </a:p>
          <a:p>
            <a:r>
              <a:rPr lang="en-US" sz="3600">
                <a:solidFill>
                  <a:schemeClr val="bg1"/>
                </a:solidFill>
                <a:cs typeface="Calibri" panose="020F0502020204030204"/>
              </a:rPr>
              <a:t>Software modification</a:t>
            </a:r>
          </a:p>
          <a:p>
            <a:pPr marL="0" indent="0">
              <a:buNone/>
            </a:pPr>
            <a:r>
              <a:rPr lang="en-GB">
                <a:solidFill>
                  <a:schemeClr val="bg1"/>
                </a:solidFill>
              </a:rPr>
              <a:t>  </a:t>
            </a:r>
            <a:endParaRPr lang="en-US">
              <a:solidFill>
                <a:schemeClr val="bg1"/>
              </a:solidFill>
              <a:cs typeface="Calibri"/>
            </a:endParaRPr>
          </a:p>
        </p:txBody>
      </p:sp>
      <p:sp>
        <p:nvSpPr>
          <p:cNvPr id="5" name="Footer Placeholder 3">
            <a:extLst>
              <a:ext uri="{FF2B5EF4-FFF2-40B4-BE49-F238E27FC236}">
                <a16:creationId xmlns:a16="http://schemas.microsoft.com/office/drawing/2014/main" id="{6AF69262-9896-655F-2F5B-400163E49519}"/>
              </a:ext>
            </a:extLst>
          </p:cNvPr>
          <p:cNvSpPr>
            <a:spLocks noGrp="1"/>
          </p:cNvSpPr>
          <p:nvPr/>
        </p:nvSpPr>
        <p:spPr>
          <a:xfrm>
            <a:off x="4123437" y="62420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/>
              <a:t>Electronics and Power Engineering Department- PNEC- NUST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FB3015A9-CEA2-A342-296A-A87EB070138F}"/>
              </a:ext>
            </a:extLst>
          </p:cNvPr>
          <p:cNvSpPr txBox="1">
            <a:spLocks/>
          </p:cNvSpPr>
          <p:nvPr/>
        </p:nvSpPr>
        <p:spPr>
          <a:xfrm>
            <a:off x="7468901" y="2003680"/>
            <a:ext cx="3969736" cy="178630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2600" b="1">
                <a:solidFill>
                  <a:schemeClr val="bg1"/>
                </a:solidFill>
              </a:rPr>
              <a:t>Muhammad Tayyab</a:t>
            </a:r>
          </a:p>
          <a:p>
            <a:pPr marL="342900" indent="-342900">
              <a:buFont typeface="Arial"/>
              <a:buChar char="•"/>
            </a:pPr>
            <a:r>
              <a:rPr lang="en-GB" sz="2400">
                <a:solidFill>
                  <a:schemeClr val="bg1"/>
                </a:solidFill>
                <a:cs typeface="Calibri" panose="020F0502020204030204"/>
              </a:rPr>
              <a:t>Rover Navigation </a:t>
            </a:r>
          </a:p>
          <a:p>
            <a:pPr marL="342900" indent="-342900">
              <a:buFont typeface="Arial"/>
              <a:buChar char="•"/>
            </a:pPr>
            <a:r>
              <a:rPr lang="en-GB" sz="2400">
                <a:solidFill>
                  <a:schemeClr val="bg1"/>
                </a:solidFill>
                <a:cs typeface="Calibri" panose="020F0502020204030204"/>
              </a:rPr>
              <a:t>Simulation Model Setup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B84EC1B9-1B41-6A8B-4BE2-067A03EE6726}"/>
              </a:ext>
            </a:extLst>
          </p:cNvPr>
          <p:cNvSpPr txBox="1">
            <a:spLocks/>
          </p:cNvSpPr>
          <p:nvPr/>
        </p:nvSpPr>
        <p:spPr>
          <a:xfrm>
            <a:off x="753362" y="3803462"/>
            <a:ext cx="4933019" cy="2448034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2800" b="1">
                <a:solidFill>
                  <a:schemeClr val="bg1"/>
                </a:solidFill>
              </a:rPr>
              <a:t>Muhammad Abdullah</a:t>
            </a:r>
            <a:endParaRPr lang="en-US" sz="2800" b="1">
              <a:solidFill>
                <a:schemeClr val="bg1"/>
              </a:solidFill>
              <a:cs typeface="Calibri" panose="020F0502020204030204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>
                <a:solidFill>
                  <a:schemeClr val="bg1"/>
                </a:solidFill>
              </a:rPr>
              <a:t>Hardware and Software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>
                <a:solidFill>
                  <a:schemeClr val="bg1"/>
                </a:solidFill>
              </a:rPr>
              <a:t>Automation</a:t>
            </a:r>
            <a:endParaRPr lang="en-GB" sz="2400">
              <a:solidFill>
                <a:schemeClr val="bg1"/>
              </a:solidFill>
              <a:cs typeface="Calibri"/>
            </a:endParaRPr>
          </a:p>
          <a:p>
            <a:pPr marL="285750" indent="-285750">
              <a:buFont typeface="Arial"/>
              <a:buChar char="•"/>
            </a:pPr>
            <a:r>
              <a:rPr lang="en-GB" sz="2400">
                <a:solidFill>
                  <a:schemeClr val="bg1"/>
                </a:solidFill>
                <a:cs typeface="Calibri"/>
              </a:rPr>
              <a:t>Control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61F7E25F-2859-788A-B582-D82A2FA45CA7}"/>
              </a:ext>
            </a:extLst>
          </p:cNvPr>
          <p:cNvSpPr txBox="1">
            <a:spLocks/>
          </p:cNvSpPr>
          <p:nvPr/>
        </p:nvSpPr>
        <p:spPr>
          <a:xfrm>
            <a:off x="7468901" y="3791510"/>
            <a:ext cx="3839581" cy="1775418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2600" b="1">
                <a:solidFill>
                  <a:schemeClr val="bg1"/>
                </a:solidFill>
              </a:rPr>
              <a:t>M. Mubashir Khanzada</a:t>
            </a:r>
            <a:endParaRPr lang="en-US" sz="2600" b="1">
              <a:solidFill>
                <a:schemeClr val="bg1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>
                <a:solidFill>
                  <a:schemeClr val="bg1"/>
                </a:solidFill>
              </a:rPr>
              <a:t>Electrical Integration</a:t>
            </a:r>
            <a:endParaRPr lang="en-GB" sz="2400">
              <a:solidFill>
                <a:schemeClr val="bg1"/>
              </a:solidFill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>
                <a:solidFill>
                  <a:schemeClr val="bg1"/>
                </a:solidFill>
              </a:rPr>
              <a:t>Power distribution</a:t>
            </a:r>
            <a:r>
              <a:rPr lang="en-GB" sz="3200">
                <a:solidFill>
                  <a:schemeClr val="bg1"/>
                </a:solidFill>
              </a:rPr>
              <a:t> </a:t>
            </a:r>
            <a:endParaRPr lang="en-GB" sz="3200">
              <a:solidFill>
                <a:schemeClr val="bg1"/>
              </a:solidFill>
              <a:cs typeface="Calibri"/>
            </a:endParaRPr>
          </a:p>
          <a:p>
            <a:endParaRPr lang="en-GB">
              <a:solidFill>
                <a:schemeClr val="bg1"/>
              </a:solidFill>
              <a:cs typeface="Calibri" panose="020F0502020204030204"/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B81990C-F23D-9F48-51EE-638F4794A3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2946889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39F65B37-CEE4-30BF-9386-23849E5F8850}"/>
              </a:ext>
            </a:extLst>
          </p:cNvPr>
          <p:cNvSpPr/>
          <p:nvPr/>
        </p:nvSpPr>
        <p:spPr>
          <a:xfrm>
            <a:off x="1801379" y="346365"/>
            <a:ext cx="8112642" cy="1015663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algn="ctr"/>
            <a:r>
              <a:rPr lang="en-US" sz="60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/>
              </a:rPr>
              <a:t> REFERENCES</a:t>
            </a:r>
            <a:endParaRPr lang="en-US" sz="6000" b="1" spc="-15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anose="020B0503030101060003" pitchFamily="34" charset="77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4484F3F3-B6DE-52E1-9410-F467474CE58B}"/>
              </a:ext>
            </a:extLst>
          </p:cNvPr>
          <p:cNvSpPr txBox="1"/>
          <p:nvPr/>
        </p:nvSpPr>
        <p:spPr>
          <a:xfrm>
            <a:off x="1347536" y="1501858"/>
            <a:ext cx="9529011" cy="286232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 rtl="0" fontAlgn="base">
              <a:buFont typeface="Arial" panose="020B0604020202020204" pitchFamily="34" charset="0"/>
              <a:buChar char="•"/>
            </a:pPr>
            <a:r>
              <a:rPr lang="en-US" sz="1800" b="1" i="0" u="none" strike="noStrike" err="1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Kalaria</a:t>
            </a: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, </a:t>
            </a:r>
            <a:r>
              <a:rPr lang="en-US" sz="1800" b="1" i="0" u="none" strike="noStrike" err="1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Dvij</a:t>
            </a: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 et al. “WROOM: An Autonomous Driving Approach for Off-Road Navigation.” </a:t>
            </a:r>
            <a:r>
              <a:rPr lang="en-US" sz="1800" b="1" i="0" u="none" strike="noStrike" err="1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ArXiv</a:t>
            </a: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 abs/2404.08855 (2024): n. </a:t>
            </a:r>
            <a:r>
              <a:rPr lang="en-US" sz="1800" b="1" i="0" u="none" strike="noStrike" err="1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pag</a:t>
            </a: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.</a:t>
            </a:r>
            <a:r>
              <a:rPr lang="en-US" sz="1800" b="0" i="0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​</a:t>
            </a:r>
            <a:endParaRPr lang="en-US" b="0" i="0">
              <a:solidFill>
                <a:schemeClr val="bg1"/>
              </a:solidFill>
              <a:effectLst/>
              <a:latin typeface="Arial" panose="020B0604020202020204" pitchFamily="34" charset="0"/>
            </a:endParaRPr>
          </a:p>
          <a:p>
            <a:pPr algn="just" rtl="0" fontAlgn="base">
              <a:buFont typeface="Arial" panose="020B0604020202020204" pitchFamily="34" charset="0"/>
              <a:buChar char="•"/>
            </a:pP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Li, </a:t>
            </a:r>
            <a:r>
              <a:rPr lang="en-US" sz="1800" b="1" i="0" u="none" strike="noStrike" err="1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Dianzhao</a:t>
            </a: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 &amp; Auerbach, Paul &amp; </a:t>
            </a:r>
            <a:r>
              <a:rPr lang="en-US" sz="1800" b="1" i="0" u="none" strike="noStrike" err="1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Okhrin</a:t>
            </a: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, </a:t>
            </a:r>
            <a:r>
              <a:rPr lang="en-US" sz="1800" b="1" i="0" u="none" strike="noStrike" err="1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Ostap</a:t>
            </a: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. (2024). Towards Autonomous Driving with Small-Scale Cars: A Survey of Recent Development. </a:t>
            </a:r>
            <a:r>
              <a:rPr lang="en-US" sz="1800" b="0" i="0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​</a:t>
            </a:r>
            <a:endParaRPr lang="en-US" b="0" i="0">
              <a:solidFill>
                <a:schemeClr val="bg1"/>
              </a:solidFill>
              <a:effectLst/>
              <a:latin typeface="Arial" panose="020B0604020202020204" pitchFamily="34" charset="0"/>
            </a:endParaRPr>
          </a:p>
          <a:p>
            <a:pPr algn="just" rtl="0" fontAlgn="base">
              <a:buFont typeface="Arial" panose="020B0604020202020204" pitchFamily="34" charset="0"/>
              <a:buChar char="•"/>
            </a:pP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R. Hartanto and M. </a:t>
            </a:r>
            <a:r>
              <a:rPr lang="en-US" sz="1800" b="1" i="0" u="none" strike="noStrike" err="1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Eich</a:t>
            </a: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, "Reliable, cloud-based communication for multi-robot systems," 2014 IEEE International Conference on Technologies for Practical Robot Applications (</a:t>
            </a:r>
            <a:r>
              <a:rPr lang="en-US" sz="1800" b="1" i="0" u="none" strike="noStrike" err="1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TePRA</a:t>
            </a: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), Woburn, MA, USA, 2014, pp. 1-8, </a:t>
            </a:r>
            <a:r>
              <a:rPr lang="en-US" sz="1800" b="1" i="0" u="none" strike="noStrike" err="1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doi</a:t>
            </a: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: 10.1109/TePRA.2014.6869142. keywords: {Robot sensing </a:t>
            </a:r>
            <a:r>
              <a:rPr lang="en-US" sz="1800" b="1" i="0" u="none" strike="noStrike" err="1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systems;Reliability;Couplings;Observers;OWL</a:t>
            </a: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}.</a:t>
            </a:r>
            <a:r>
              <a:rPr lang="en-US" sz="1800" b="0" i="0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​</a:t>
            </a:r>
            <a:endParaRPr lang="en-US" b="0" i="0">
              <a:solidFill>
                <a:schemeClr val="bg1"/>
              </a:solidFill>
              <a:effectLst/>
              <a:latin typeface="Arial" panose="020B0604020202020204" pitchFamily="34" charset="0"/>
            </a:endParaRPr>
          </a:p>
          <a:p>
            <a:pPr algn="just" rtl="0" fontAlgn="base">
              <a:buFont typeface="Arial" panose="020B0604020202020204" pitchFamily="34" charset="0"/>
              <a:buChar char="•"/>
            </a:pPr>
            <a:r>
              <a:rPr lang="en-US" sz="1800" b="1" i="0" u="none" strike="noStrike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Snider, J.M. (2009). Automatic Steering Methods for Autonomous Automobile Path Tracking.</a:t>
            </a:r>
            <a:r>
              <a:rPr lang="en-US" sz="1800" b="0" i="0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​</a:t>
            </a:r>
            <a:endParaRPr lang="en-US" b="0" i="0">
              <a:solidFill>
                <a:schemeClr val="bg1"/>
              </a:solidFill>
              <a:effectLst/>
              <a:latin typeface="Arial" panose="020B0604020202020204" pitchFamily="34" charset="0"/>
            </a:endParaRPr>
          </a:p>
          <a:p>
            <a:pPr algn="just" rtl="0" fontAlgn="base"/>
            <a:endParaRPr lang="en-US" b="0" i="0">
              <a:solidFill>
                <a:schemeClr val="bg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64CEC6-AAB6-B0E4-FCB3-D4B2B8E56F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4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261931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68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Cartoon characters on a black background&#10;&#10;Description automatically generated">
            <a:extLst>
              <a:ext uri="{FF2B5EF4-FFF2-40B4-BE49-F238E27FC236}">
                <a16:creationId xmlns:a16="http://schemas.microsoft.com/office/drawing/2014/main" id="{FA0751A4-1D71-C7BA-8B9D-7AB9B2DF6693}"/>
              </a:ext>
            </a:extLst>
          </p:cNvPr>
          <p:cNvPicPr>
            <a:picLocks noChangeAspect="1"/>
          </p:cNvPicPr>
          <p:nvPr/>
        </p:nvPicPr>
        <p:blipFill>
          <a:blip r:embed="rId3">
            <a:alphaModFix amt="2000"/>
          </a:blip>
          <a:stretch>
            <a:fillRect/>
          </a:stretch>
        </p:blipFill>
        <p:spPr>
          <a:xfrm>
            <a:off x="1916260" y="819150"/>
            <a:ext cx="8077200" cy="5219700"/>
          </a:xfrm>
          <a:prstGeom prst="rect">
            <a:avLst/>
          </a:prstGeom>
        </p:spPr>
      </p:pic>
      <p:sp>
        <p:nvSpPr>
          <p:cNvPr id="682" name="Google Shape;682;p35"/>
          <p:cNvSpPr txBox="1">
            <a:spLocks noGrp="1"/>
          </p:cNvSpPr>
          <p:nvPr>
            <p:ph type="ctrTitle"/>
          </p:nvPr>
        </p:nvSpPr>
        <p:spPr>
          <a:xfrm>
            <a:off x="2099156" y="2716235"/>
            <a:ext cx="7960400" cy="1227824"/>
          </a:xfrm>
          <a:prstGeom prst="rect">
            <a:avLst/>
          </a:prstGeom>
        </p:spPr>
        <p:txBody>
          <a:bodyPr spcFirstLastPara="1" vert="horz" wrap="square" lIns="121900" tIns="121900" rIns="121900" bIns="121900" rtlCol="0" anchor="b" anchorCtr="0">
            <a:noAutofit/>
          </a:bodyPr>
          <a:lstStyle/>
          <a:p>
            <a:pPr>
              <a:spcBef>
                <a:spcPts val="0"/>
              </a:spcBef>
            </a:pPr>
            <a:r>
              <a:rPr lang="en-US">
                <a:solidFill>
                  <a:schemeClr val="bg1"/>
                </a:solidFill>
                <a:latin typeface="Raleway Black" pitchFamily="2" charset="0"/>
              </a:rPr>
              <a:t>THANK YOU</a:t>
            </a:r>
          </a:p>
        </p:txBody>
      </p:sp>
      <p:sp>
        <p:nvSpPr>
          <p:cNvPr id="684" name="Google Shape;684;p35"/>
          <p:cNvSpPr/>
          <p:nvPr/>
        </p:nvSpPr>
        <p:spPr>
          <a:xfrm>
            <a:off x="2308491" y="681164"/>
            <a:ext cx="141932" cy="142053"/>
          </a:xfrm>
          <a:custGeom>
            <a:avLst/>
            <a:gdLst/>
            <a:ahLst/>
            <a:cxnLst/>
            <a:rect l="l" t="t" r="r" b="b"/>
            <a:pathLst>
              <a:path w="1175" h="1176" extrusionOk="0">
                <a:moveTo>
                  <a:pt x="588" y="241"/>
                </a:moveTo>
                <a:cubicBezTo>
                  <a:pt x="779" y="241"/>
                  <a:pt x="935" y="396"/>
                  <a:pt x="935" y="588"/>
                </a:cubicBezTo>
                <a:cubicBezTo>
                  <a:pt x="935" y="780"/>
                  <a:pt x="779" y="935"/>
                  <a:pt x="588" y="935"/>
                </a:cubicBezTo>
                <a:cubicBezTo>
                  <a:pt x="397" y="935"/>
                  <a:pt x="240" y="780"/>
                  <a:pt x="240" y="588"/>
                </a:cubicBezTo>
                <a:cubicBezTo>
                  <a:pt x="240" y="396"/>
                  <a:pt x="397" y="241"/>
                  <a:pt x="588" y="241"/>
                </a:cubicBezTo>
                <a:close/>
                <a:moveTo>
                  <a:pt x="588" y="1"/>
                </a:moveTo>
                <a:cubicBezTo>
                  <a:pt x="265" y="1"/>
                  <a:pt x="1" y="264"/>
                  <a:pt x="1" y="588"/>
                </a:cubicBezTo>
                <a:cubicBezTo>
                  <a:pt x="1" y="911"/>
                  <a:pt x="265" y="1175"/>
                  <a:pt x="588" y="1175"/>
                </a:cubicBezTo>
                <a:cubicBezTo>
                  <a:pt x="912" y="1175"/>
                  <a:pt x="1174" y="911"/>
                  <a:pt x="1174" y="588"/>
                </a:cubicBezTo>
                <a:cubicBezTo>
                  <a:pt x="1174" y="264"/>
                  <a:pt x="912" y="1"/>
                  <a:pt x="588" y="1"/>
                </a:cubicBez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85" name="Google Shape;685;p35"/>
          <p:cNvSpPr/>
          <p:nvPr/>
        </p:nvSpPr>
        <p:spPr>
          <a:xfrm>
            <a:off x="10" y="331225"/>
            <a:ext cx="3097141" cy="1039064"/>
          </a:xfrm>
          <a:custGeom>
            <a:avLst/>
            <a:gdLst/>
            <a:ahLst/>
            <a:cxnLst/>
            <a:rect l="l" t="t" r="r" b="b"/>
            <a:pathLst>
              <a:path w="25640" h="8602" extrusionOk="0">
                <a:moveTo>
                  <a:pt x="1" y="1"/>
                </a:moveTo>
                <a:lnTo>
                  <a:pt x="1" y="240"/>
                </a:lnTo>
                <a:lnTo>
                  <a:pt x="11937" y="240"/>
                </a:lnTo>
                <a:lnTo>
                  <a:pt x="13374" y="1678"/>
                </a:lnTo>
                <a:lnTo>
                  <a:pt x="15052" y="1678"/>
                </a:lnTo>
                <a:lnTo>
                  <a:pt x="18376" y="5002"/>
                </a:lnTo>
                <a:lnTo>
                  <a:pt x="18376" y="6400"/>
                </a:lnTo>
                <a:lnTo>
                  <a:pt x="19504" y="7529"/>
                </a:lnTo>
                <a:lnTo>
                  <a:pt x="24397" y="7529"/>
                </a:lnTo>
                <a:lnTo>
                  <a:pt x="25470" y="8602"/>
                </a:lnTo>
                <a:lnTo>
                  <a:pt x="25640" y="8433"/>
                </a:lnTo>
                <a:lnTo>
                  <a:pt x="24496" y="7289"/>
                </a:lnTo>
                <a:lnTo>
                  <a:pt x="19604" y="7289"/>
                </a:lnTo>
                <a:lnTo>
                  <a:pt x="18615" y="6301"/>
                </a:lnTo>
                <a:lnTo>
                  <a:pt x="18615" y="4903"/>
                </a:lnTo>
                <a:lnTo>
                  <a:pt x="15151" y="1439"/>
                </a:lnTo>
                <a:lnTo>
                  <a:pt x="13473" y="1439"/>
                </a:lnTo>
                <a:lnTo>
                  <a:pt x="12036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86" name="Google Shape;686;p35"/>
          <p:cNvSpPr/>
          <p:nvPr/>
        </p:nvSpPr>
        <p:spPr>
          <a:xfrm>
            <a:off x="823458" y="337143"/>
            <a:ext cx="3763437" cy="1083396"/>
          </a:xfrm>
          <a:custGeom>
            <a:avLst/>
            <a:gdLst/>
            <a:ahLst/>
            <a:cxnLst/>
            <a:rect l="l" t="t" r="r" b="b"/>
            <a:pathLst>
              <a:path w="31156" h="8969" extrusionOk="0">
                <a:moveTo>
                  <a:pt x="1" y="1"/>
                </a:moveTo>
                <a:lnTo>
                  <a:pt x="1" y="241"/>
                </a:lnTo>
                <a:lnTo>
                  <a:pt x="11537" y="241"/>
                </a:lnTo>
                <a:lnTo>
                  <a:pt x="18771" y="7474"/>
                </a:lnTo>
                <a:lnTo>
                  <a:pt x="23837" y="7474"/>
                </a:lnTo>
                <a:lnTo>
                  <a:pt x="25333" y="8969"/>
                </a:lnTo>
                <a:lnTo>
                  <a:pt x="31156" y="8969"/>
                </a:lnTo>
                <a:lnTo>
                  <a:pt x="31156" y="8729"/>
                </a:lnTo>
                <a:lnTo>
                  <a:pt x="25432" y="8729"/>
                </a:lnTo>
                <a:lnTo>
                  <a:pt x="23937" y="7235"/>
                </a:lnTo>
                <a:lnTo>
                  <a:pt x="18870" y="7235"/>
                </a:lnTo>
                <a:lnTo>
                  <a:pt x="11671" y="36"/>
                </a:lnTo>
                <a:lnTo>
                  <a:pt x="11636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87" name="Google Shape;687;p35"/>
          <p:cNvSpPr/>
          <p:nvPr/>
        </p:nvSpPr>
        <p:spPr>
          <a:xfrm>
            <a:off x="10" y="630310"/>
            <a:ext cx="2572415" cy="1351556"/>
          </a:xfrm>
          <a:custGeom>
            <a:avLst/>
            <a:gdLst/>
            <a:ahLst/>
            <a:cxnLst/>
            <a:rect l="l" t="t" r="r" b="b"/>
            <a:pathLst>
              <a:path w="21296" h="11189" extrusionOk="0">
                <a:moveTo>
                  <a:pt x="1" y="1"/>
                </a:moveTo>
                <a:lnTo>
                  <a:pt x="1" y="240"/>
                </a:lnTo>
                <a:lnTo>
                  <a:pt x="10579" y="240"/>
                </a:lnTo>
                <a:lnTo>
                  <a:pt x="15619" y="5281"/>
                </a:lnTo>
                <a:lnTo>
                  <a:pt x="15619" y="6800"/>
                </a:lnTo>
                <a:lnTo>
                  <a:pt x="17527" y="8708"/>
                </a:lnTo>
                <a:lnTo>
                  <a:pt x="18646" y="8708"/>
                </a:lnTo>
                <a:lnTo>
                  <a:pt x="21126" y="11188"/>
                </a:lnTo>
                <a:lnTo>
                  <a:pt x="21296" y="11019"/>
                </a:lnTo>
                <a:lnTo>
                  <a:pt x="18745" y="8468"/>
                </a:lnTo>
                <a:lnTo>
                  <a:pt x="17626" y="8468"/>
                </a:lnTo>
                <a:lnTo>
                  <a:pt x="15859" y="6700"/>
                </a:lnTo>
                <a:lnTo>
                  <a:pt x="15859" y="5182"/>
                </a:lnTo>
                <a:lnTo>
                  <a:pt x="10678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88" name="Google Shape;688;p35"/>
          <p:cNvSpPr/>
          <p:nvPr/>
        </p:nvSpPr>
        <p:spPr>
          <a:xfrm>
            <a:off x="10" y="1064441"/>
            <a:ext cx="2042495" cy="892663"/>
          </a:xfrm>
          <a:custGeom>
            <a:avLst/>
            <a:gdLst/>
            <a:ahLst/>
            <a:cxnLst/>
            <a:rect l="l" t="t" r="r" b="b"/>
            <a:pathLst>
              <a:path w="16909" h="7390" extrusionOk="0">
                <a:moveTo>
                  <a:pt x="1" y="1"/>
                </a:moveTo>
                <a:lnTo>
                  <a:pt x="1" y="241"/>
                </a:lnTo>
                <a:lnTo>
                  <a:pt x="3789" y="241"/>
                </a:lnTo>
                <a:lnTo>
                  <a:pt x="5417" y="1868"/>
                </a:lnTo>
                <a:lnTo>
                  <a:pt x="11218" y="1868"/>
                </a:lnTo>
                <a:lnTo>
                  <a:pt x="16739" y="7389"/>
                </a:lnTo>
                <a:lnTo>
                  <a:pt x="16908" y="7220"/>
                </a:lnTo>
                <a:lnTo>
                  <a:pt x="11317" y="1628"/>
                </a:lnTo>
                <a:lnTo>
                  <a:pt x="5516" y="1628"/>
                </a:lnTo>
                <a:lnTo>
                  <a:pt x="3889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89" name="Google Shape;689;p35"/>
          <p:cNvSpPr/>
          <p:nvPr/>
        </p:nvSpPr>
        <p:spPr>
          <a:xfrm>
            <a:off x="1995154" y="1916397"/>
            <a:ext cx="141932" cy="141812"/>
          </a:xfrm>
          <a:custGeom>
            <a:avLst/>
            <a:gdLst/>
            <a:ahLst/>
            <a:cxnLst/>
            <a:rect l="l" t="t" r="r" b="b"/>
            <a:pathLst>
              <a:path w="1175" h="1174" extrusionOk="0">
                <a:moveTo>
                  <a:pt x="588" y="240"/>
                </a:moveTo>
                <a:cubicBezTo>
                  <a:pt x="779" y="240"/>
                  <a:pt x="935" y="396"/>
                  <a:pt x="935" y="587"/>
                </a:cubicBezTo>
                <a:cubicBezTo>
                  <a:pt x="935" y="779"/>
                  <a:pt x="779" y="934"/>
                  <a:pt x="588" y="934"/>
                </a:cubicBezTo>
                <a:cubicBezTo>
                  <a:pt x="396" y="934"/>
                  <a:pt x="240" y="779"/>
                  <a:pt x="240" y="587"/>
                </a:cubicBezTo>
                <a:cubicBezTo>
                  <a:pt x="240" y="396"/>
                  <a:pt x="396" y="240"/>
                  <a:pt x="588" y="240"/>
                </a:cubicBezTo>
                <a:close/>
                <a:moveTo>
                  <a:pt x="588" y="0"/>
                </a:moveTo>
                <a:cubicBezTo>
                  <a:pt x="264" y="0"/>
                  <a:pt x="1" y="264"/>
                  <a:pt x="1" y="587"/>
                </a:cubicBezTo>
                <a:cubicBezTo>
                  <a:pt x="1" y="911"/>
                  <a:pt x="264" y="1174"/>
                  <a:pt x="588" y="1174"/>
                </a:cubicBezTo>
                <a:cubicBezTo>
                  <a:pt x="912" y="1174"/>
                  <a:pt x="1174" y="911"/>
                  <a:pt x="1174" y="587"/>
                </a:cubicBezTo>
                <a:cubicBezTo>
                  <a:pt x="1174" y="264"/>
                  <a:pt x="912" y="0"/>
                  <a:pt x="588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90" name="Google Shape;690;p35"/>
          <p:cNvSpPr/>
          <p:nvPr/>
        </p:nvSpPr>
        <p:spPr>
          <a:xfrm>
            <a:off x="3740375" y="1488305"/>
            <a:ext cx="112941" cy="113063"/>
          </a:xfrm>
          <a:custGeom>
            <a:avLst/>
            <a:gdLst/>
            <a:ahLst/>
            <a:cxnLst/>
            <a:rect l="l" t="t" r="r" b="b"/>
            <a:pathLst>
              <a:path w="935" h="936" extrusionOk="0">
                <a:moveTo>
                  <a:pt x="468" y="1"/>
                </a:moveTo>
                <a:cubicBezTo>
                  <a:pt x="210" y="1"/>
                  <a:pt x="1" y="210"/>
                  <a:pt x="1" y="468"/>
                </a:cubicBezTo>
                <a:cubicBezTo>
                  <a:pt x="1" y="726"/>
                  <a:pt x="210" y="935"/>
                  <a:pt x="468" y="935"/>
                </a:cubicBezTo>
                <a:cubicBezTo>
                  <a:pt x="726" y="935"/>
                  <a:pt x="935" y="726"/>
                  <a:pt x="935" y="468"/>
                </a:cubicBezTo>
                <a:cubicBezTo>
                  <a:pt x="935" y="210"/>
                  <a:pt x="726" y="1"/>
                  <a:pt x="468" y="1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91" name="Google Shape;691;p35"/>
          <p:cNvSpPr/>
          <p:nvPr/>
        </p:nvSpPr>
        <p:spPr>
          <a:xfrm>
            <a:off x="280976" y="751345"/>
            <a:ext cx="95305" cy="95185"/>
          </a:xfrm>
          <a:custGeom>
            <a:avLst/>
            <a:gdLst/>
            <a:ahLst/>
            <a:cxnLst/>
            <a:rect l="l" t="t" r="r" b="b"/>
            <a:pathLst>
              <a:path w="789" h="788" extrusionOk="0">
                <a:moveTo>
                  <a:pt x="1" y="0"/>
                </a:moveTo>
                <a:lnTo>
                  <a:pt x="1" y="788"/>
                </a:lnTo>
                <a:lnTo>
                  <a:pt x="788" y="788"/>
                </a:lnTo>
                <a:lnTo>
                  <a:pt x="788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92" name="Google Shape;692;p35"/>
          <p:cNvSpPr/>
          <p:nvPr/>
        </p:nvSpPr>
        <p:spPr>
          <a:xfrm>
            <a:off x="420976" y="751345"/>
            <a:ext cx="95185" cy="95185"/>
          </a:xfrm>
          <a:custGeom>
            <a:avLst/>
            <a:gdLst/>
            <a:ahLst/>
            <a:cxnLst/>
            <a:rect l="l" t="t" r="r" b="b"/>
            <a:pathLst>
              <a:path w="788" h="788" extrusionOk="0">
                <a:moveTo>
                  <a:pt x="1" y="0"/>
                </a:moveTo>
                <a:lnTo>
                  <a:pt x="1" y="788"/>
                </a:lnTo>
                <a:lnTo>
                  <a:pt x="787" y="788"/>
                </a:lnTo>
                <a:lnTo>
                  <a:pt x="787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93" name="Google Shape;693;p35"/>
          <p:cNvSpPr/>
          <p:nvPr/>
        </p:nvSpPr>
        <p:spPr>
          <a:xfrm>
            <a:off x="560854" y="751345"/>
            <a:ext cx="95185" cy="95185"/>
          </a:xfrm>
          <a:custGeom>
            <a:avLst/>
            <a:gdLst/>
            <a:ahLst/>
            <a:cxnLst/>
            <a:rect l="l" t="t" r="r" b="b"/>
            <a:pathLst>
              <a:path w="788" h="788" extrusionOk="0">
                <a:moveTo>
                  <a:pt x="0" y="0"/>
                </a:moveTo>
                <a:lnTo>
                  <a:pt x="0" y="788"/>
                </a:lnTo>
                <a:lnTo>
                  <a:pt x="788" y="788"/>
                </a:lnTo>
                <a:lnTo>
                  <a:pt x="788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94" name="Google Shape;694;p35"/>
          <p:cNvSpPr/>
          <p:nvPr/>
        </p:nvSpPr>
        <p:spPr>
          <a:xfrm>
            <a:off x="700733" y="751345"/>
            <a:ext cx="95185" cy="95185"/>
          </a:xfrm>
          <a:custGeom>
            <a:avLst/>
            <a:gdLst/>
            <a:ahLst/>
            <a:cxnLst/>
            <a:rect l="l" t="t" r="r" b="b"/>
            <a:pathLst>
              <a:path w="788" h="788" extrusionOk="0">
                <a:moveTo>
                  <a:pt x="1" y="0"/>
                </a:moveTo>
                <a:lnTo>
                  <a:pt x="1" y="788"/>
                </a:lnTo>
                <a:lnTo>
                  <a:pt x="788" y="788"/>
                </a:lnTo>
                <a:lnTo>
                  <a:pt x="788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95" name="Google Shape;695;p35"/>
          <p:cNvSpPr/>
          <p:nvPr/>
        </p:nvSpPr>
        <p:spPr>
          <a:xfrm>
            <a:off x="840612" y="751345"/>
            <a:ext cx="95305" cy="95185"/>
          </a:xfrm>
          <a:custGeom>
            <a:avLst/>
            <a:gdLst/>
            <a:ahLst/>
            <a:cxnLst/>
            <a:rect l="l" t="t" r="r" b="b"/>
            <a:pathLst>
              <a:path w="789" h="788" extrusionOk="0">
                <a:moveTo>
                  <a:pt x="1" y="0"/>
                </a:moveTo>
                <a:lnTo>
                  <a:pt x="1" y="788"/>
                </a:lnTo>
                <a:lnTo>
                  <a:pt x="788" y="788"/>
                </a:lnTo>
                <a:lnTo>
                  <a:pt x="788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96" name="Google Shape;696;p35"/>
          <p:cNvSpPr/>
          <p:nvPr/>
        </p:nvSpPr>
        <p:spPr>
          <a:xfrm>
            <a:off x="129259" y="1648839"/>
            <a:ext cx="18360" cy="245331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0" y="1"/>
                </a:moveTo>
                <a:lnTo>
                  <a:pt x="0" y="2031"/>
                </a:lnTo>
                <a:lnTo>
                  <a:pt x="152" y="2031"/>
                </a:lnTo>
                <a:lnTo>
                  <a:pt x="152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97" name="Google Shape;697;p35"/>
          <p:cNvSpPr/>
          <p:nvPr/>
        </p:nvSpPr>
        <p:spPr>
          <a:xfrm>
            <a:off x="225652" y="1648839"/>
            <a:ext cx="18360" cy="245331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1" y="1"/>
                </a:moveTo>
                <a:lnTo>
                  <a:pt x="1" y="2031"/>
                </a:lnTo>
                <a:lnTo>
                  <a:pt x="152" y="2031"/>
                </a:lnTo>
                <a:lnTo>
                  <a:pt x="152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98" name="Google Shape;698;p35"/>
          <p:cNvSpPr/>
          <p:nvPr/>
        </p:nvSpPr>
        <p:spPr>
          <a:xfrm>
            <a:off x="273485" y="1648839"/>
            <a:ext cx="18360" cy="245331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1" y="1"/>
                </a:moveTo>
                <a:lnTo>
                  <a:pt x="1" y="2031"/>
                </a:lnTo>
                <a:lnTo>
                  <a:pt x="152" y="2031"/>
                </a:lnTo>
                <a:lnTo>
                  <a:pt x="152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699" name="Google Shape;699;p35"/>
          <p:cNvSpPr/>
          <p:nvPr/>
        </p:nvSpPr>
        <p:spPr>
          <a:xfrm>
            <a:off x="321561" y="1648839"/>
            <a:ext cx="18240" cy="245331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0" y="1"/>
                </a:moveTo>
                <a:lnTo>
                  <a:pt x="0" y="2031"/>
                </a:lnTo>
                <a:lnTo>
                  <a:pt x="150" y="2031"/>
                </a:lnTo>
                <a:lnTo>
                  <a:pt x="150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00" name="Google Shape;700;p35"/>
          <p:cNvSpPr/>
          <p:nvPr/>
        </p:nvSpPr>
        <p:spPr>
          <a:xfrm>
            <a:off x="372657" y="1648839"/>
            <a:ext cx="18240" cy="245331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1" y="1"/>
                </a:moveTo>
                <a:lnTo>
                  <a:pt x="1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01" name="Google Shape;701;p35"/>
          <p:cNvSpPr/>
          <p:nvPr/>
        </p:nvSpPr>
        <p:spPr>
          <a:xfrm>
            <a:off x="410828" y="1648839"/>
            <a:ext cx="18360" cy="245331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1" y="1"/>
                </a:moveTo>
                <a:lnTo>
                  <a:pt x="1" y="2031"/>
                </a:lnTo>
                <a:lnTo>
                  <a:pt x="152" y="2031"/>
                </a:lnTo>
                <a:lnTo>
                  <a:pt x="152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02" name="Google Shape;702;p35"/>
          <p:cNvSpPr/>
          <p:nvPr/>
        </p:nvSpPr>
        <p:spPr>
          <a:xfrm>
            <a:off x="565684" y="1648839"/>
            <a:ext cx="18240" cy="245331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0" y="1"/>
                </a:moveTo>
                <a:lnTo>
                  <a:pt x="0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03" name="Google Shape;703;p35"/>
          <p:cNvSpPr/>
          <p:nvPr/>
        </p:nvSpPr>
        <p:spPr>
          <a:xfrm>
            <a:off x="474607" y="1648839"/>
            <a:ext cx="18240" cy="245331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0" y="1"/>
                </a:moveTo>
                <a:lnTo>
                  <a:pt x="0" y="2031"/>
                </a:lnTo>
                <a:lnTo>
                  <a:pt x="150" y="2031"/>
                </a:lnTo>
                <a:lnTo>
                  <a:pt x="150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04" name="Google Shape;704;p35"/>
          <p:cNvSpPr/>
          <p:nvPr/>
        </p:nvSpPr>
        <p:spPr>
          <a:xfrm>
            <a:off x="610136" y="1648839"/>
            <a:ext cx="18360" cy="245331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1" y="1"/>
                </a:moveTo>
                <a:lnTo>
                  <a:pt x="1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05" name="Google Shape;705;p35"/>
          <p:cNvSpPr/>
          <p:nvPr/>
        </p:nvSpPr>
        <p:spPr>
          <a:xfrm>
            <a:off x="805097" y="1348668"/>
            <a:ext cx="18360" cy="245331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0" y="1"/>
                </a:moveTo>
                <a:lnTo>
                  <a:pt x="0" y="2031"/>
                </a:lnTo>
                <a:lnTo>
                  <a:pt x="152" y="2031"/>
                </a:lnTo>
                <a:lnTo>
                  <a:pt x="152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06" name="Google Shape;706;p35"/>
          <p:cNvSpPr/>
          <p:nvPr/>
        </p:nvSpPr>
        <p:spPr>
          <a:xfrm>
            <a:off x="901491" y="1348668"/>
            <a:ext cx="18360" cy="245331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1" y="1"/>
                </a:moveTo>
                <a:lnTo>
                  <a:pt x="1" y="2031"/>
                </a:lnTo>
                <a:lnTo>
                  <a:pt x="152" y="2031"/>
                </a:lnTo>
                <a:lnTo>
                  <a:pt x="152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07" name="Google Shape;707;p35"/>
          <p:cNvSpPr/>
          <p:nvPr/>
        </p:nvSpPr>
        <p:spPr>
          <a:xfrm>
            <a:off x="949324" y="1348668"/>
            <a:ext cx="18360" cy="245331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1" y="1"/>
                </a:moveTo>
                <a:lnTo>
                  <a:pt x="1" y="2031"/>
                </a:lnTo>
                <a:lnTo>
                  <a:pt x="152" y="2031"/>
                </a:lnTo>
                <a:lnTo>
                  <a:pt x="152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08" name="Google Shape;708;p35"/>
          <p:cNvSpPr/>
          <p:nvPr/>
        </p:nvSpPr>
        <p:spPr>
          <a:xfrm>
            <a:off x="997400" y="1348668"/>
            <a:ext cx="18240" cy="245331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0" y="1"/>
                </a:moveTo>
                <a:lnTo>
                  <a:pt x="0" y="2031"/>
                </a:lnTo>
                <a:lnTo>
                  <a:pt x="150" y="2031"/>
                </a:lnTo>
                <a:lnTo>
                  <a:pt x="150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09" name="Google Shape;709;p35"/>
          <p:cNvSpPr/>
          <p:nvPr/>
        </p:nvSpPr>
        <p:spPr>
          <a:xfrm>
            <a:off x="1048496" y="1348668"/>
            <a:ext cx="18240" cy="245331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1" y="1"/>
                </a:moveTo>
                <a:lnTo>
                  <a:pt x="1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10" name="Google Shape;710;p35"/>
          <p:cNvSpPr/>
          <p:nvPr/>
        </p:nvSpPr>
        <p:spPr>
          <a:xfrm>
            <a:off x="1086667" y="1348668"/>
            <a:ext cx="18240" cy="245331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1" y="1"/>
                </a:moveTo>
                <a:lnTo>
                  <a:pt x="1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11" name="Google Shape;711;p35"/>
          <p:cNvSpPr/>
          <p:nvPr/>
        </p:nvSpPr>
        <p:spPr>
          <a:xfrm>
            <a:off x="1241523" y="1348668"/>
            <a:ext cx="18240" cy="245331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1" y="1"/>
                </a:moveTo>
                <a:lnTo>
                  <a:pt x="1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12" name="Google Shape;712;p35"/>
          <p:cNvSpPr/>
          <p:nvPr/>
        </p:nvSpPr>
        <p:spPr>
          <a:xfrm>
            <a:off x="1150445" y="1348668"/>
            <a:ext cx="18240" cy="245331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0" y="1"/>
                </a:moveTo>
                <a:lnTo>
                  <a:pt x="0" y="2031"/>
                </a:lnTo>
                <a:lnTo>
                  <a:pt x="150" y="2031"/>
                </a:lnTo>
                <a:lnTo>
                  <a:pt x="150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13" name="Google Shape;713;p35"/>
          <p:cNvSpPr/>
          <p:nvPr/>
        </p:nvSpPr>
        <p:spPr>
          <a:xfrm>
            <a:off x="1285975" y="1348668"/>
            <a:ext cx="18360" cy="245331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1" y="1"/>
                </a:moveTo>
                <a:lnTo>
                  <a:pt x="1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14" name="Google Shape;714;p35"/>
          <p:cNvSpPr/>
          <p:nvPr/>
        </p:nvSpPr>
        <p:spPr>
          <a:xfrm>
            <a:off x="78768" y="394037"/>
            <a:ext cx="48921" cy="48800"/>
          </a:xfrm>
          <a:custGeom>
            <a:avLst/>
            <a:gdLst/>
            <a:ahLst/>
            <a:cxnLst/>
            <a:rect l="l" t="t" r="r" b="b"/>
            <a:pathLst>
              <a:path w="405" h="404" extrusionOk="0">
                <a:moveTo>
                  <a:pt x="203" y="0"/>
                </a:moveTo>
                <a:cubicBezTo>
                  <a:pt x="91" y="0"/>
                  <a:pt x="0" y="90"/>
                  <a:pt x="0" y="202"/>
                </a:cubicBezTo>
                <a:cubicBezTo>
                  <a:pt x="0" y="314"/>
                  <a:pt x="91" y="404"/>
                  <a:pt x="203" y="404"/>
                </a:cubicBezTo>
                <a:cubicBezTo>
                  <a:pt x="314" y="404"/>
                  <a:pt x="404" y="314"/>
                  <a:pt x="404" y="202"/>
                </a:cubicBezTo>
                <a:cubicBezTo>
                  <a:pt x="404" y="90"/>
                  <a:pt x="314" y="0"/>
                  <a:pt x="20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15" name="Google Shape;715;p35"/>
          <p:cNvSpPr/>
          <p:nvPr/>
        </p:nvSpPr>
        <p:spPr>
          <a:xfrm>
            <a:off x="169725" y="389205"/>
            <a:ext cx="58585" cy="58464"/>
          </a:xfrm>
          <a:custGeom>
            <a:avLst/>
            <a:gdLst/>
            <a:ahLst/>
            <a:cxnLst/>
            <a:rect l="l" t="t" r="r" b="b"/>
            <a:pathLst>
              <a:path w="485" h="484" extrusionOk="0">
                <a:moveTo>
                  <a:pt x="243" y="80"/>
                </a:moveTo>
                <a:cubicBezTo>
                  <a:pt x="332" y="80"/>
                  <a:pt x="405" y="153"/>
                  <a:pt x="405" y="242"/>
                </a:cubicBezTo>
                <a:cubicBezTo>
                  <a:pt x="405" y="331"/>
                  <a:pt x="332" y="404"/>
                  <a:pt x="243" y="404"/>
                </a:cubicBezTo>
                <a:cubicBezTo>
                  <a:pt x="154" y="404"/>
                  <a:pt x="80" y="331"/>
                  <a:pt x="80" y="242"/>
                </a:cubicBezTo>
                <a:cubicBezTo>
                  <a:pt x="80" y="153"/>
                  <a:pt x="154" y="80"/>
                  <a:pt x="243" y="80"/>
                </a:cubicBezTo>
                <a:close/>
                <a:moveTo>
                  <a:pt x="243" y="0"/>
                </a:moveTo>
                <a:cubicBezTo>
                  <a:pt x="109" y="0"/>
                  <a:pt x="1" y="108"/>
                  <a:pt x="1" y="242"/>
                </a:cubicBezTo>
                <a:cubicBezTo>
                  <a:pt x="1" y="375"/>
                  <a:pt x="109" y="484"/>
                  <a:pt x="243" y="484"/>
                </a:cubicBezTo>
                <a:cubicBezTo>
                  <a:pt x="376" y="484"/>
                  <a:pt x="484" y="375"/>
                  <a:pt x="484" y="242"/>
                </a:cubicBezTo>
                <a:cubicBezTo>
                  <a:pt x="484" y="108"/>
                  <a:pt x="376" y="0"/>
                  <a:pt x="24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16" name="Google Shape;716;p35"/>
          <p:cNvSpPr/>
          <p:nvPr/>
        </p:nvSpPr>
        <p:spPr>
          <a:xfrm>
            <a:off x="270346" y="394037"/>
            <a:ext cx="48921" cy="48800"/>
          </a:xfrm>
          <a:custGeom>
            <a:avLst/>
            <a:gdLst/>
            <a:ahLst/>
            <a:cxnLst/>
            <a:rect l="l" t="t" r="r" b="b"/>
            <a:pathLst>
              <a:path w="405" h="404" extrusionOk="0">
                <a:moveTo>
                  <a:pt x="203" y="0"/>
                </a:moveTo>
                <a:cubicBezTo>
                  <a:pt x="92" y="0"/>
                  <a:pt x="1" y="90"/>
                  <a:pt x="1" y="202"/>
                </a:cubicBezTo>
                <a:cubicBezTo>
                  <a:pt x="1" y="314"/>
                  <a:pt x="92" y="404"/>
                  <a:pt x="203" y="404"/>
                </a:cubicBezTo>
                <a:cubicBezTo>
                  <a:pt x="314" y="404"/>
                  <a:pt x="405" y="314"/>
                  <a:pt x="405" y="202"/>
                </a:cubicBezTo>
                <a:cubicBezTo>
                  <a:pt x="405" y="90"/>
                  <a:pt x="314" y="0"/>
                  <a:pt x="20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17" name="Google Shape;717;p35"/>
          <p:cNvSpPr/>
          <p:nvPr/>
        </p:nvSpPr>
        <p:spPr>
          <a:xfrm>
            <a:off x="366256" y="394037"/>
            <a:ext cx="48921" cy="48800"/>
          </a:xfrm>
          <a:custGeom>
            <a:avLst/>
            <a:gdLst/>
            <a:ahLst/>
            <a:cxnLst/>
            <a:rect l="l" t="t" r="r" b="b"/>
            <a:pathLst>
              <a:path w="405" h="404" extrusionOk="0">
                <a:moveTo>
                  <a:pt x="202" y="0"/>
                </a:moveTo>
                <a:cubicBezTo>
                  <a:pt x="90" y="0"/>
                  <a:pt x="0" y="90"/>
                  <a:pt x="0" y="202"/>
                </a:cubicBezTo>
                <a:cubicBezTo>
                  <a:pt x="0" y="314"/>
                  <a:pt x="90" y="404"/>
                  <a:pt x="202" y="404"/>
                </a:cubicBezTo>
                <a:cubicBezTo>
                  <a:pt x="314" y="404"/>
                  <a:pt x="405" y="314"/>
                  <a:pt x="405" y="202"/>
                </a:cubicBezTo>
                <a:cubicBezTo>
                  <a:pt x="405" y="90"/>
                  <a:pt x="314" y="0"/>
                  <a:pt x="202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18" name="Google Shape;718;p35"/>
          <p:cNvSpPr/>
          <p:nvPr/>
        </p:nvSpPr>
        <p:spPr>
          <a:xfrm>
            <a:off x="462045" y="394037"/>
            <a:ext cx="48921" cy="48800"/>
          </a:xfrm>
          <a:custGeom>
            <a:avLst/>
            <a:gdLst/>
            <a:ahLst/>
            <a:cxnLst/>
            <a:rect l="l" t="t" r="r" b="b"/>
            <a:pathLst>
              <a:path w="405" h="404" extrusionOk="0">
                <a:moveTo>
                  <a:pt x="203" y="0"/>
                </a:moveTo>
                <a:cubicBezTo>
                  <a:pt x="91" y="0"/>
                  <a:pt x="0" y="90"/>
                  <a:pt x="0" y="202"/>
                </a:cubicBezTo>
                <a:cubicBezTo>
                  <a:pt x="0" y="314"/>
                  <a:pt x="91" y="404"/>
                  <a:pt x="203" y="404"/>
                </a:cubicBezTo>
                <a:cubicBezTo>
                  <a:pt x="314" y="404"/>
                  <a:pt x="404" y="314"/>
                  <a:pt x="404" y="202"/>
                </a:cubicBezTo>
                <a:cubicBezTo>
                  <a:pt x="404" y="90"/>
                  <a:pt x="314" y="0"/>
                  <a:pt x="20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19" name="Google Shape;719;p35"/>
          <p:cNvSpPr/>
          <p:nvPr/>
        </p:nvSpPr>
        <p:spPr>
          <a:xfrm>
            <a:off x="557833" y="394037"/>
            <a:ext cx="49043" cy="48800"/>
          </a:xfrm>
          <a:custGeom>
            <a:avLst/>
            <a:gdLst/>
            <a:ahLst/>
            <a:cxnLst/>
            <a:rect l="l" t="t" r="r" b="b"/>
            <a:pathLst>
              <a:path w="406" h="404" extrusionOk="0">
                <a:moveTo>
                  <a:pt x="203" y="0"/>
                </a:moveTo>
                <a:cubicBezTo>
                  <a:pt x="91" y="0"/>
                  <a:pt x="1" y="90"/>
                  <a:pt x="1" y="202"/>
                </a:cubicBezTo>
                <a:cubicBezTo>
                  <a:pt x="1" y="314"/>
                  <a:pt x="91" y="404"/>
                  <a:pt x="203" y="404"/>
                </a:cubicBezTo>
                <a:cubicBezTo>
                  <a:pt x="314" y="404"/>
                  <a:pt x="405" y="314"/>
                  <a:pt x="405" y="202"/>
                </a:cubicBezTo>
                <a:cubicBezTo>
                  <a:pt x="405" y="90"/>
                  <a:pt x="314" y="0"/>
                  <a:pt x="20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20" name="Google Shape;720;p35"/>
          <p:cNvSpPr/>
          <p:nvPr/>
        </p:nvSpPr>
        <p:spPr>
          <a:xfrm>
            <a:off x="1858537" y="195936"/>
            <a:ext cx="48921" cy="48800"/>
          </a:xfrm>
          <a:custGeom>
            <a:avLst/>
            <a:gdLst/>
            <a:ahLst/>
            <a:cxnLst/>
            <a:rect l="l" t="t" r="r" b="b"/>
            <a:pathLst>
              <a:path w="405" h="404" extrusionOk="0">
                <a:moveTo>
                  <a:pt x="203" y="0"/>
                </a:moveTo>
                <a:cubicBezTo>
                  <a:pt x="91" y="0"/>
                  <a:pt x="0" y="90"/>
                  <a:pt x="0" y="202"/>
                </a:cubicBezTo>
                <a:cubicBezTo>
                  <a:pt x="0" y="314"/>
                  <a:pt x="91" y="404"/>
                  <a:pt x="203" y="404"/>
                </a:cubicBezTo>
                <a:cubicBezTo>
                  <a:pt x="314" y="404"/>
                  <a:pt x="405" y="314"/>
                  <a:pt x="405" y="202"/>
                </a:cubicBezTo>
                <a:cubicBezTo>
                  <a:pt x="405" y="90"/>
                  <a:pt x="314" y="0"/>
                  <a:pt x="20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21" name="Google Shape;721;p35"/>
          <p:cNvSpPr/>
          <p:nvPr/>
        </p:nvSpPr>
        <p:spPr>
          <a:xfrm>
            <a:off x="1949494" y="191106"/>
            <a:ext cx="58585" cy="58585"/>
          </a:xfrm>
          <a:custGeom>
            <a:avLst/>
            <a:gdLst/>
            <a:ahLst/>
            <a:cxnLst/>
            <a:rect l="l" t="t" r="r" b="b"/>
            <a:pathLst>
              <a:path w="485" h="485" extrusionOk="0">
                <a:moveTo>
                  <a:pt x="243" y="80"/>
                </a:moveTo>
                <a:cubicBezTo>
                  <a:pt x="332" y="80"/>
                  <a:pt x="405" y="153"/>
                  <a:pt x="405" y="242"/>
                </a:cubicBezTo>
                <a:cubicBezTo>
                  <a:pt x="405" y="331"/>
                  <a:pt x="332" y="405"/>
                  <a:pt x="243" y="405"/>
                </a:cubicBezTo>
                <a:cubicBezTo>
                  <a:pt x="154" y="405"/>
                  <a:pt x="80" y="331"/>
                  <a:pt x="80" y="242"/>
                </a:cubicBezTo>
                <a:cubicBezTo>
                  <a:pt x="80" y="153"/>
                  <a:pt x="154" y="80"/>
                  <a:pt x="243" y="80"/>
                </a:cubicBezTo>
                <a:close/>
                <a:moveTo>
                  <a:pt x="243" y="0"/>
                </a:moveTo>
                <a:cubicBezTo>
                  <a:pt x="109" y="0"/>
                  <a:pt x="1" y="109"/>
                  <a:pt x="1" y="242"/>
                </a:cubicBezTo>
                <a:cubicBezTo>
                  <a:pt x="1" y="376"/>
                  <a:pt x="109" y="484"/>
                  <a:pt x="243" y="484"/>
                </a:cubicBezTo>
                <a:cubicBezTo>
                  <a:pt x="376" y="484"/>
                  <a:pt x="485" y="376"/>
                  <a:pt x="485" y="242"/>
                </a:cubicBezTo>
                <a:cubicBezTo>
                  <a:pt x="485" y="109"/>
                  <a:pt x="376" y="0"/>
                  <a:pt x="24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22" name="Google Shape;722;p35"/>
          <p:cNvSpPr/>
          <p:nvPr/>
        </p:nvSpPr>
        <p:spPr>
          <a:xfrm>
            <a:off x="2050113" y="195936"/>
            <a:ext cx="49043" cy="48800"/>
          </a:xfrm>
          <a:custGeom>
            <a:avLst/>
            <a:gdLst/>
            <a:ahLst/>
            <a:cxnLst/>
            <a:rect l="l" t="t" r="r" b="b"/>
            <a:pathLst>
              <a:path w="406" h="404" extrusionOk="0">
                <a:moveTo>
                  <a:pt x="203" y="0"/>
                </a:moveTo>
                <a:cubicBezTo>
                  <a:pt x="92" y="0"/>
                  <a:pt x="1" y="90"/>
                  <a:pt x="1" y="202"/>
                </a:cubicBezTo>
                <a:cubicBezTo>
                  <a:pt x="1" y="314"/>
                  <a:pt x="92" y="404"/>
                  <a:pt x="203" y="404"/>
                </a:cubicBezTo>
                <a:cubicBezTo>
                  <a:pt x="314" y="404"/>
                  <a:pt x="405" y="314"/>
                  <a:pt x="405" y="202"/>
                </a:cubicBezTo>
                <a:cubicBezTo>
                  <a:pt x="405" y="90"/>
                  <a:pt x="314" y="0"/>
                  <a:pt x="20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23" name="Google Shape;723;p35"/>
          <p:cNvSpPr/>
          <p:nvPr/>
        </p:nvSpPr>
        <p:spPr>
          <a:xfrm>
            <a:off x="2146025" y="195936"/>
            <a:ext cx="48921" cy="48800"/>
          </a:xfrm>
          <a:custGeom>
            <a:avLst/>
            <a:gdLst/>
            <a:ahLst/>
            <a:cxnLst/>
            <a:rect l="l" t="t" r="r" b="b"/>
            <a:pathLst>
              <a:path w="405" h="404" extrusionOk="0">
                <a:moveTo>
                  <a:pt x="202" y="0"/>
                </a:moveTo>
                <a:cubicBezTo>
                  <a:pt x="90" y="0"/>
                  <a:pt x="0" y="90"/>
                  <a:pt x="0" y="202"/>
                </a:cubicBezTo>
                <a:cubicBezTo>
                  <a:pt x="0" y="314"/>
                  <a:pt x="90" y="404"/>
                  <a:pt x="202" y="404"/>
                </a:cubicBezTo>
                <a:cubicBezTo>
                  <a:pt x="314" y="404"/>
                  <a:pt x="405" y="314"/>
                  <a:pt x="405" y="202"/>
                </a:cubicBezTo>
                <a:cubicBezTo>
                  <a:pt x="405" y="90"/>
                  <a:pt x="314" y="0"/>
                  <a:pt x="202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24" name="Google Shape;724;p35"/>
          <p:cNvSpPr/>
          <p:nvPr/>
        </p:nvSpPr>
        <p:spPr>
          <a:xfrm>
            <a:off x="2241814" y="195936"/>
            <a:ext cx="48921" cy="48800"/>
          </a:xfrm>
          <a:custGeom>
            <a:avLst/>
            <a:gdLst/>
            <a:ahLst/>
            <a:cxnLst/>
            <a:rect l="l" t="t" r="r" b="b"/>
            <a:pathLst>
              <a:path w="405" h="404" extrusionOk="0">
                <a:moveTo>
                  <a:pt x="203" y="0"/>
                </a:moveTo>
                <a:cubicBezTo>
                  <a:pt x="91" y="0"/>
                  <a:pt x="0" y="90"/>
                  <a:pt x="0" y="202"/>
                </a:cubicBezTo>
                <a:cubicBezTo>
                  <a:pt x="0" y="314"/>
                  <a:pt x="91" y="404"/>
                  <a:pt x="203" y="404"/>
                </a:cubicBezTo>
                <a:cubicBezTo>
                  <a:pt x="314" y="404"/>
                  <a:pt x="405" y="314"/>
                  <a:pt x="405" y="202"/>
                </a:cubicBezTo>
                <a:cubicBezTo>
                  <a:pt x="405" y="90"/>
                  <a:pt x="314" y="0"/>
                  <a:pt x="20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25" name="Google Shape;725;p35"/>
          <p:cNvSpPr/>
          <p:nvPr/>
        </p:nvSpPr>
        <p:spPr>
          <a:xfrm>
            <a:off x="2337603" y="195936"/>
            <a:ext cx="49043" cy="48800"/>
          </a:xfrm>
          <a:custGeom>
            <a:avLst/>
            <a:gdLst/>
            <a:ahLst/>
            <a:cxnLst/>
            <a:rect l="l" t="t" r="r" b="b"/>
            <a:pathLst>
              <a:path w="406" h="404" extrusionOk="0">
                <a:moveTo>
                  <a:pt x="203" y="0"/>
                </a:moveTo>
                <a:cubicBezTo>
                  <a:pt x="91" y="0"/>
                  <a:pt x="1" y="90"/>
                  <a:pt x="1" y="202"/>
                </a:cubicBezTo>
                <a:cubicBezTo>
                  <a:pt x="1" y="314"/>
                  <a:pt x="91" y="404"/>
                  <a:pt x="203" y="404"/>
                </a:cubicBezTo>
                <a:cubicBezTo>
                  <a:pt x="314" y="404"/>
                  <a:pt x="405" y="314"/>
                  <a:pt x="405" y="202"/>
                </a:cubicBezTo>
                <a:cubicBezTo>
                  <a:pt x="405" y="90"/>
                  <a:pt x="314" y="0"/>
                  <a:pt x="20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26" name="Google Shape;726;p35"/>
          <p:cNvSpPr/>
          <p:nvPr/>
        </p:nvSpPr>
        <p:spPr>
          <a:xfrm>
            <a:off x="2478932" y="195936"/>
            <a:ext cx="48921" cy="48800"/>
          </a:xfrm>
          <a:custGeom>
            <a:avLst/>
            <a:gdLst/>
            <a:ahLst/>
            <a:cxnLst/>
            <a:rect l="l" t="t" r="r" b="b"/>
            <a:pathLst>
              <a:path w="405" h="404" extrusionOk="0">
                <a:moveTo>
                  <a:pt x="202" y="0"/>
                </a:moveTo>
                <a:cubicBezTo>
                  <a:pt x="91" y="0"/>
                  <a:pt x="0" y="90"/>
                  <a:pt x="0" y="202"/>
                </a:cubicBezTo>
                <a:cubicBezTo>
                  <a:pt x="0" y="314"/>
                  <a:pt x="91" y="404"/>
                  <a:pt x="202" y="404"/>
                </a:cubicBezTo>
                <a:cubicBezTo>
                  <a:pt x="314" y="404"/>
                  <a:pt x="404" y="314"/>
                  <a:pt x="404" y="202"/>
                </a:cubicBezTo>
                <a:cubicBezTo>
                  <a:pt x="404" y="90"/>
                  <a:pt x="314" y="0"/>
                  <a:pt x="202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27" name="Google Shape;727;p35"/>
          <p:cNvSpPr/>
          <p:nvPr/>
        </p:nvSpPr>
        <p:spPr>
          <a:xfrm>
            <a:off x="10" y="956331"/>
            <a:ext cx="3513999" cy="837776"/>
          </a:xfrm>
          <a:custGeom>
            <a:avLst/>
            <a:gdLst/>
            <a:ahLst/>
            <a:cxnLst/>
            <a:rect l="l" t="t" r="r" b="b"/>
            <a:pathLst>
              <a:path w="29091" h="7250" extrusionOk="0">
                <a:moveTo>
                  <a:pt x="1" y="1"/>
                </a:moveTo>
                <a:lnTo>
                  <a:pt x="1" y="81"/>
                </a:lnTo>
                <a:lnTo>
                  <a:pt x="10781" y="81"/>
                </a:lnTo>
                <a:lnTo>
                  <a:pt x="17938" y="7237"/>
                </a:lnTo>
                <a:lnTo>
                  <a:pt x="17949" y="7250"/>
                </a:lnTo>
                <a:lnTo>
                  <a:pt x="29090" y="7250"/>
                </a:lnTo>
                <a:lnTo>
                  <a:pt x="29090" y="7169"/>
                </a:lnTo>
                <a:lnTo>
                  <a:pt x="17982" y="7169"/>
                </a:lnTo>
                <a:lnTo>
                  <a:pt x="10814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28" name="Google Shape;728;p35"/>
          <p:cNvSpPr/>
          <p:nvPr/>
        </p:nvSpPr>
        <p:spPr>
          <a:xfrm>
            <a:off x="10" y="175736"/>
            <a:ext cx="2963423" cy="847969"/>
          </a:xfrm>
          <a:custGeom>
            <a:avLst/>
            <a:gdLst/>
            <a:ahLst/>
            <a:cxnLst/>
            <a:rect l="l" t="t" r="r" b="b"/>
            <a:pathLst>
              <a:path w="24533" h="7020" extrusionOk="0">
                <a:moveTo>
                  <a:pt x="1" y="1"/>
                </a:moveTo>
                <a:lnTo>
                  <a:pt x="1" y="81"/>
                </a:lnTo>
                <a:lnTo>
                  <a:pt x="13460" y="81"/>
                </a:lnTo>
                <a:lnTo>
                  <a:pt x="20399" y="7019"/>
                </a:lnTo>
                <a:lnTo>
                  <a:pt x="24532" y="7019"/>
                </a:lnTo>
                <a:lnTo>
                  <a:pt x="24532" y="6940"/>
                </a:lnTo>
                <a:lnTo>
                  <a:pt x="20432" y="6940"/>
                </a:lnTo>
                <a:lnTo>
                  <a:pt x="13493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29" name="Google Shape;729;p35"/>
          <p:cNvSpPr/>
          <p:nvPr/>
        </p:nvSpPr>
        <p:spPr>
          <a:xfrm>
            <a:off x="10" y="1215553"/>
            <a:ext cx="659773" cy="283019"/>
          </a:xfrm>
          <a:custGeom>
            <a:avLst/>
            <a:gdLst/>
            <a:ahLst/>
            <a:cxnLst/>
            <a:rect l="l" t="t" r="r" b="b"/>
            <a:pathLst>
              <a:path w="5462" h="2343" extrusionOk="0">
                <a:moveTo>
                  <a:pt x="1" y="1"/>
                </a:moveTo>
                <a:lnTo>
                  <a:pt x="1" y="81"/>
                </a:lnTo>
                <a:lnTo>
                  <a:pt x="3144" y="81"/>
                </a:lnTo>
                <a:lnTo>
                  <a:pt x="5406" y="2343"/>
                </a:lnTo>
                <a:lnTo>
                  <a:pt x="5461" y="2286"/>
                </a:lnTo>
                <a:lnTo>
                  <a:pt x="3177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30" name="Google Shape;730;p35"/>
          <p:cNvSpPr/>
          <p:nvPr/>
        </p:nvSpPr>
        <p:spPr>
          <a:xfrm>
            <a:off x="631880" y="1470790"/>
            <a:ext cx="49043" cy="48921"/>
          </a:xfrm>
          <a:custGeom>
            <a:avLst/>
            <a:gdLst/>
            <a:ahLst/>
            <a:cxnLst/>
            <a:rect l="l" t="t" r="r" b="b"/>
            <a:pathLst>
              <a:path w="406" h="405" extrusionOk="0">
                <a:moveTo>
                  <a:pt x="203" y="0"/>
                </a:moveTo>
                <a:cubicBezTo>
                  <a:pt x="91" y="0"/>
                  <a:pt x="1" y="91"/>
                  <a:pt x="1" y="203"/>
                </a:cubicBezTo>
                <a:cubicBezTo>
                  <a:pt x="1" y="314"/>
                  <a:pt x="91" y="404"/>
                  <a:pt x="203" y="404"/>
                </a:cubicBezTo>
                <a:cubicBezTo>
                  <a:pt x="314" y="404"/>
                  <a:pt x="405" y="314"/>
                  <a:pt x="405" y="203"/>
                </a:cubicBezTo>
                <a:cubicBezTo>
                  <a:pt x="405" y="91"/>
                  <a:pt x="314" y="0"/>
                  <a:pt x="203" y="0"/>
                </a:cubicBez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31" name="Google Shape;731;p35"/>
          <p:cNvSpPr/>
          <p:nvPr/>
        </p:nvSpPr>
        <p:spPr>
          <a:xfrm flipH="1">
            <a:off x="9739905" y="4324050"/>
            <a:ext cx="2501083" cy="1337657"/>
          </a:xfrm>
          <a:custGeom>
            <a:avLst/>
            <a:gdLst/>
            <a:ahLst/>
            <a:cxnLst/>
            <a:rect l="l" t="t" r="r" b="b"/>
            <a:pathLst>
              <a:path w="22609" h="12092" extrusionOk="0">
                <a:moveTo>
                  <a:pt x="21237" y="0"/>
                </a:moveTo>
                <a:lnTo>
                  <a:pt x="16774" y="4464"/>
                </a:lnTo>
                <a:lnTo>
                  <a:pt x="13175" y="4464"/>
                </a:lnTo>
                <a:lnTo>
                  <a:pt x="5786" y="11852"/>
                </a:lnTo>
                <a:lnTo>
                  <a:pt x="3809" y="11852"/>
                </a:lnTo>
                <a:lnTo>
                  <a:pt x="2291" y="10335"/>
                </a:lnTo>
                <a:lnTo>
                  <a:pt x="1" y="10335"/>
                </a:lnTo>
                <a:lnTo>
                  <a:pt x="1" y="10574"/>
                </a:lnTo>
                <a:lnTo>
                  <a:pt x="2192" y="10574"/>
                </a:lnTo>
                <a:lnTo>
                  <a:pt x="3710" y="12092"/>
                </a:lnTo>
                <a:lnTo>
                  <a:pt x="5886" y="12092"/>
                </a:lnTo>
                <a:lnTo>
                  <a:pt x="13273" y="4703"/>
                </a:lnTo>
                <a:lnTo>
                  <a:pt x="16873" y="4703"/>
                </a:lnTo>
                <a:lnTo>
                  <a:pt x="21336" y="241"/>
                </a:lnTo>
                <a:lnTo>
                  <a:pt x="22609" y="241"/>
                </a:lnTo>
                <a:lnTo>
                  <a:pt x="22609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32" name="Google Shape;732;p35"/>
          <p:cNvSpPr/>
          <p:nvPr/>
        </p:nvSpPr>
        <p:spPr>
          <a:xfrm flipH="1">
            <a:off x="9896105" y="5396543"/>
            <a:ext cx="2344883" cy="830671"/>
          </a:xfrm>
          <a:custGeom>
            <a:avLst/>
            <a:gdLst/>
            <a:ahLst/>
            <a:cxnLst/>
            <a:rect l="l" t="t" r="r" b="b"/>
            <a:pathLst>
              <a:path w="21197" h="7509" extrusionOk="0">
                <a:moveTo>
                  <a:pt x="16250" y="1"/>
                </a:moveTo>
                <a:lnTo>
                  <a:pt x="14812" y="1439"/>
                </a:lnTo>
                <a:lnTo>
                  <a:pt x="11617" y="1439"/>
                </a:lnTo>
                <a:lnTo>
                  <a:pt x="5786" y="7270"/>
                </a:lnTo>
                <a:lnTo>
                  <a:pt x="1" y="7270"/>
                </a:lnTo>
                <a:lnTo>
                  <a:pt x="1" y="7509"/>
                </a:lnTo>
                <a:lnTo>
                  <a:pt x="5886" y="7509"/>
                </a:lnTo>
                <a:lnTo>
                  <a:pt x="11717" y="1678"/>
                </a:lnTo>
                <a:lnTo>
                  <a:pt x="14911" y="1678"/>
                </a:lnTo>
                <a:lnTo>
                  <a:pt x="16349" y="240"/>
                </a:lnTo>
                <a:lnTo>
                  <a:pt x="19524" y="240"/>
                </a:lnTo>
                <a:lnTo>
                  <a:pt x="21027" y="1743"/>
                </a:lnTo>
                <a:lnTo>
                  <a:pt x="21196" y="1573"/>
                </a:lnTo>
                <a:lnTo>
                  <a:pt x="19624" y="1"/>
                </a:lnTo>
                <a:close/>
              </a:path>
            </a:pathLst>
          </a:custGeom>
          <a:solidFill>
            <a:schemeClr val="lt1"/>
          </a:solidFill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33" name="Google Shape;733;p35"/>
          <p:cNvSpPr/>
          <p:nvPr/>
        </p:nvSpPr>
        <p:spPr>
          <a:xfrm flipH="1">
            <a:off x="9806611" y="5556283"/>
            <a:ext cx="129872" cy="129983"/>
          </a:xfrm>
          <a:custGeom>
            <a:avLst/>
            <a:gdLst/>
            <a:ahLst/>
            <a:cxnLst/>
            <a:rect l="l" t="t" r="r" b="b"/>
            <a:pathLst>
              <a:path w="1174" h="1175" extrusionOk="0">
                <a:moveTo>
                  <a:pt x="587" y="240"/>
                </a:moveTo>
                <a:cubicBezTo>
                  <a:pt x="778" y="240"/>
                  <a:pt x="934" y="396"/>
                  <a:pt x="934" y="588"/>
                </a:cubicBezTo>
                <a:cubicBezTo>
                  <a:pt x="934" y="779"/>
                  <a:pt x="778" y="935"/>
                  <a:pt x="587" y="935"/>
                </a:cubicBezTo>
                <a:cubicBezTo>
                  <a:pt x="396" y="935"/>
                  <a:pt x="239" y="779"/>
                  <a:pt x="239" y="588"/>
                </a:cubicBezTo>
                <a:cubicBezTo>
                  <a:pt x="239" y="396"/>
                  <a:pt x="396" y="240"/>
                  <a:pt x="587" y="240"/>
                </a:cubicBezTo>
                <a:close/>
                <a:moveTo>
                  <a:pt x="587" y="1"/>
                </a:moveTo>
                <a:cubicBezTo>
                  <a:pt x="263" y="1"/>
                  <a:pt x="0" y="264"/>
                  <a:pt x="0" y="588"/>
                </a:cubicBezTo>
                <a:cubicBezTo>
                  <a:pt x="0" y="912"/>
                  <a:pt x="263" y="1174"/>
                  <a:pt x="587" y="1174"/>
                </a:cubicBezTo>
                <a:cubicBezTo>
                  <a:pt x="910" y="1174"/>
                  <a:pt x="1174" y="912"/>
                  <a:pt x="1174" y="588"/>
                </a:cubicBezTo>
                <a:cubicBezTo>
                  <a:pt x="1174" y="264"/>
                  <a:pt x="910" y="1"/>
                  <a:pt x="587" y="1"/>
                </a:cubicBezTo>
                <a:close/>
              </a:path>
            </a:pathLst>
          </a:custGeom>
          <a:solidFill>
            <a:schemeClr val="lt1"/>
          </a:solidFill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34" name="Google Shape;734;p35"/>
          <p:cNvSpPr/>
          <p:nvPr/>
        </p:nvSpPr>
        <p:spPr>
          <a:xfrm flipH="1">
            <a:off x="8830913" y="4892432"/>
            <a:ext cx="3410075" cy="1533019"/>
          </a:xfrm>
          <a:custGeom>
            <a:avLst/>
            <a:gdLst/>
            <a:ahLst/>
            <a:cxnLst/>
            <a:rect l="l" t="t" r="r" b="b"/>
            <a:pathLst>
              <a:path w="30826" h="13858" extrusionOk="0">
                <a:moveTo>
                  <a:pt x="30587" y="0"/>
                </a:moveTo>
                <a:lnTo>
                  <a:pt x="30587" y="2296"/>
                </a:lnTo>
                <a:lnTo>
                  <a:pt x="28550" y="4333"/>
                </a:lnTo>
                <a:lnTo>
                  <a:pt x="26453" y="4333"/>
                </a:lnTo>
                <a:lnTo>
                  <a:pt x="23038" y="7747"/>
                </a:lnTo>
                <a:lnTo>
                  <a:pt x="12615" y="7747"/>
                </a:lnTo>
                <a:lnTo>
                  <a:pt x="6745" y="13618"/>
                </a:lnTo>
                <a:lnTo>
                  <a:pt x="1" y="13618"/>
                </a:lnTo>
                <a:lnTo>
                  <a:pt x="1" y="13858"/>
                </a:lnTo>
                <a:lnTo>
                  <a:pt x="6844" y="13858"/>
                </a:lnTo>
                <a:lnTo>
                  <a:pt x="12715" y="7987"/>
                </a:lnTo>
                <a:lnTo>
                  <a:pt x="23138" y="7987"/>
                </a:lnTo>
                <a:lnTo>
                  <a:pt x="26553" y="4573"/>
                </a:lnTo>
                <a:lnTo>
                  <a:pt x="28649" y="4573"/>
                </a:lnTo>
                <a:lnTo>
                  <a:pt x="30826" y="2396"/>
                </a:lnTo>
                <a:lnTo>
                  <a:pt x="30826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35" name="Google Shape;735;p35"/>
          <p:cNvSpPr/>
          <p:nvPr/>
        </p:nvSpPr>
        <p:spPr>
          <a:xfrm flipH="1">
            <a:off x="9677956" y="4718422"/>
            <a:ext cx="2563032" cy="1323276"/>
          </a:xfrm>
          <a:custGeom>
            <a:avLst/>
            <a:gdLst/>
            <a:ahLst/>
            <a:cxnLst/>
            <a:rect l="l" t="t" r="r" b="b"/>
            <a:pathLst>
              <a:path w="23169" h="11962" extrusionOk="0">
                <a:moveTo>
                  <a:pt x="20264" y="0"/>
                </a:moveTo>
                <a:lnTo>
                  <a:pt x="17367" y="2896"/>
                </a:lnTo>
                <a:lnTo>
                  <a:pt x="13733" y="2896"/>
                </a:lnTo>
                <a:lnTo>
                  <a:pt x="4908" y="11721"/>
                </a:lnTo>
                <a:lnTo>
                  <a:pt x="1" y="11721"/>
                </a:lnTo>
                <a:lnTo>
                  <a:pt x="1" y="11962"/>
                </a:lnTo>
                <a:lnTo>
                  <a:pt x="5007" y="11962"/>
                </a:lnTo>
                <a:lnTo>
                  <a:pt x="13833" y="3135"/>
                </a:lnTo>
                <a:lnTo>
                  <a:pt x="17467" y="3135"/>
                </a:lnTo>
                <a:lnTo>
                  <a:pt x="20362" y="240"/>
                </a:lnTo>
                <a:lnTo>
                  <a:pt x="23169" y="240"/>
                </a:lnTo>
                <a:lnTo>
                  <a:pt x="23169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36" name="Google Shape;736;p35"/>
          <p:cNvSpPr/>
          <p:nvPr/>
        </p:nvSpPr>
        <p:spPr>
          <a:xfrm flipH="1">
            <a:off x="10263154" y="4992767"/>
            <a:ext cx="103433" cy="103544"/>
          </a:xfrm>
          <a:custGeom>
            <a:avLst/>
            <a:gdLst/>
            <a:ahLst/>
            <a:cxnLst/>
            <a:rect l="l" t="t" r="r" b="b"/>
            <a:pathLst>
              <a:path w="935" h="936" extrusionOk="0">
                <a:moveTo>
                  <a:pt x="467" y="1"/>
                </a:moveTo>
                <a:cubicBezTo>
                  <a:pt x="210" y="1"/>
                  <a:pt x="0" y="211"/>
                  <a:pt x="0" y="468"/>
                </a:cubicBezTo>
                <a:cubicBezTo>
                  <a:pt x="0" y="727"/>
                  <a:pt x="210" y="935"/>
                  <a:pt x="467" y="935"/>
                </a:cubicBezTo>
                <a:cubicBezTo>
                  <a:pt x="725" y="935"/>
                  <a:pt x="934" y="727"/>
                  <a:pt x="934" y="468"/>
                </a:cubicBezTo>
                <a:cubicBezTo>
                  <a:pt x="934" y="211"/>
                  <a:pt x="725" y="1"/>
                  <a:pt x="467" y="1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37" name="Google Shape;737;p35"/>
          <p:cNvSpPr/>
          <p:nvPr/>
        </p:nvSpPr>
        <p:spPr>
          <a:xfrm flipH="1">
            <a:off x="8792417" y="4836788"/>
            <a:ext cx="103433" cy="103544"/>
          </a:xfrm>
          <a:custGeom>
            <a:avLst/>
            <a:gdLst/>
            <a:ahLst/>
            <a:cxnLst/>
            <a:rect l="l" t="t" r="r" b="b"/>
            <a:pathLst>
              <a:path w="935" h="936" extrusionOk="0">
                <a:moveTo>
                  <a:pt x="467" y="1"/>
                </a:moveTo>
                <a:cubicBezTo>
                  <a:pt x="210" y="1"/>
                  <a:pt x="0" y="210"/>
                  <a:pt x="0" y="468"/>
                </a:cubicBezTo>
                <a:cubicBezTo>
                  <a:pt x="0" y="726"/>
                  <a:pt x="210" y="935"/>
                  <a:pt x="467" y="935"/>
                </a:cubicBezTo>
                <a:cubicBezTo>
                  <a:pt x="726" y="935"/>
                  <a:pt x="934" y="726"/>
                  <a:pt x="934" y="468"/>
                </a:cubicBezTo>
                <a:cubicBezTo>
                  <a:pt x="934" y="210"/>
                  <a:pt x="726" y="1"/>
                  <a:pt x="467" y="1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38" name="Google Shape;738;p35"/>
          <p:cNvSpPr/>
          <p:nvPr/>
        </p:nvSpPr>
        <p:spPr>
          <a:xfrm flipH="1">
            <a:off x="10986189" y="6344806"/>
            <a:ext cx="87060" cy="87060"/>
          </a:xfrm>
          <a:custGeom>
            <a:avLst/>
            <a:gdLst/>
            <a:ahLst/>
            <a:cxnLst/>
            <a:rect l="l" t="t" r="r" b="b"/>
            <a:pathLst>
              <a:path w="787" h="787" extrusionOk="0">
                <a:moveTo>
                  <a:pt x="0" y="0"/>
                </a:moveTo>
                <a:lnTo>
                  <a:pt x="0" y="787"/>
                </a:lnTo>
                <a:lnTo>
                  <a:pt x="787" y="787"/>
                </a:lnTo>
                <a:lnTo>
                  <a:pt x="787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39" name="Google Shape;739;p35"/>
          <p:cNvSpPr/>
          <p:nvPr/>
        </p:nvSpPr>
        <p:spPr>
          <a:xfrm flipH="1">
            <a:off x="10857976" y="6344806"/>
            <a:ext cx="87281" cy="87060"/>
          </a:xfrm>
          <a:custGeom>
            <a:avLst/>
            <a:gdLst/>
            <a:ahLst/>
            <a:cxnLst/>
            <a:rect l="l" t="t" r="r" b="b"/>
            <a:pathLst>
              <a:path w="789" h="787" extrusionOk="0">
                <a:moveTo>
                  <a:pt x="1" y="0"/>
                </a:moveTo>
                <a:lnTo>
                  <a:pt x="1" y="787"/>
                </a:lnTo>
                <a:lnTo>
                  <a:pt x="789" y="787"/>
                </a:lnTo>
                <a:lnTo>
                  <a:pt x="789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40" name="Google Shape;740;p35"/>
          <p:cNvSpPr/>
          <p:nvPr/>
        </p:nvSpPr>
        <p:spPr>
          <a:xfrm flipH="1">
            <a:off x="10729873" y="6344806"/>
            <a:ext cx="87171" cy="87060"/>
          </a:xfrm>
          <a:custGeom>
            <a:avLst/>
            <a:gdLst/>
            <a:ahLst/>
            <a:cxnLst/>
            <a:rect l="l" t="t" r="r" b="b"/>
            <a:pathLst>
              <a:path w="788" h="787" extrusionOk="0">
                <a:moveTo>
                  <a:pt x="1" y="0"/>
                </a:moveTo>
                <a:lnTo>
                  <a:pt x="1" y="787"/>
                </a:lnTo>
                <a:lnTo>
                  <a:pt x="787" y="787"/>
                </a:lnTo>
                <a:lnTo>
                  <a:pt x="787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41" name="Google Shape;741;p35"/>
          <p:cNvSpPr/>
          <p:nvPr/>
        </p:nvSpPr>
        <p:spPr>
          <a:xfrm flipH="1">
            <a:off x="10601772" y="6344806"/>
            <a:ext cx="87171" cy="87060"/>
          </a:xfrm>
          <a:custGeom>
            <a:avLst/>
            <a:gdLst/>
            <a:ahLst/>
            <a:cxnLst/>
            <a:rect l="l" t="t" r="r" b="b"/>
            <a:pathLst>
              <a:path w="788" h="787" extrusionOk="0">
                <a:moveTo>
                  <a:pt x="0" y="0"/>
                </a:moveTo>
                <a:lnTo>
                  <a:pt x="0" y="787"/>
                </a:lnTo>
                <a:lnTo>
                  <a:pt x="787" y="787"/>
                </a:lnTo>
                <a:lnTo>
                  <a:pt x="787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42" name="Google Shape;742;p35"/>
          <p:cNvSpPr/>
          <p:nvPr/>
        </p:nvSpPr>
        <p:spPr>
          <a:xfrm flipH="1">
            <a:off x="10473670" y="6344806"/>
            <a:ext cx="87060" cy="87060"/>
          </a:xfrm>
          <a:custGeom>
            <a:avLst/>
            <a:gdLst/>
            <a:ahLst/>
            <a:cxnLst/>
            <a:rect l="l" t="t" r="r" b="b"/>
            <a:pathLst>
              <a:path w="787" h="787" extrusionOk="0">
                <a:moveTo>
                  <a:pt x="0" y="0"/>
                </a:moveTo>
                <a:lnTo>
                  <a:pt x="0" y="787"/>
                </a:lnTo>
                <a:lnTo>
                  <a:pt x="787" y="787"/>
                </a:lnTo>
                <a:lnTo>
                  <a:pt x="787" y="0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43" name="Google Shape;743;p35"/>
          <p:cNvSpPr/>
          <p:nvPr/>
        </p:nvSpPr>
        <p:spPr>
          <a:xfrm flipH="1">
            <a:off x="12024610" y="5268773"/>
            <a:ext cx="87060" cy="87281"/>
          </a:xfrm>
          <a:custGeom>
            <a:avLst/>
            <a:gdLst/>
            <a:ahLst/>
            <a:cxnLst/>
            <a:rect l="l" t="t" r="r" b="b"/>
            <a:pathLst>
              <a:path w="787" h="789" extrusionOk="0">
                <a:moveTo>
                  <a:pt x="0" y="1"/>
                </a:moveTo>
                <a:lnTo>
                  <a:pt x="0" y="788"/>
                </a:lnTo>
                <a:lnTo>
                  <a:pt x="787" y="788"/>
                </a:lnTo>
                <a:lnTo>
                  <a:pt x="787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44" name="Google Shape;744;p35"/>
          <p:cNvSpPr/>
          <p:nvPr/>
        </p:nvSpPr>
        <p:spPr>
          <a:xfrm flipH="1">
            <a:off x="11896397" y="5268773"/>
            <a:ext cx="87281" cy="87281"/>
          </a:xfrm>
          <a:custGeom>
            <a:avLst/>
            <a:gdLst/>
            <a:ahLst/>
            <a:cxnLst/>
            <a:rect l="l" t="t" r="r" b="b"/>
            <a:pathLst>
              <a:path w="789" h="789" extrusionOk="0">
                <a:moveTo>
                  <a:pt x="1" y="1"/>
                </a:moveTo>
                <a:lnTo>
                  <a:pt x="1" y="788"/>
                </a:lnTo>
                <a:lnTo>
                  <a:pt x="788" y="788"/>
                </a:lnTo>
                <a:lnTo>
                  <a:pt x="788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45" name="Google Shape;745;p35"/>
          <p:cNvSpPr/>
          <p:nvPr/>
        </p:nvSpPr>
        <p:spPr>
          <a:xfrm flipH="1">
            <a:off x="11768295" y="5268773"/>
            <a:ext cx="87171" cy="87281"/>
          </a:xfrm>
          <a:custGeom>
            <a:avLst/>
            <a:gdLst/>
            <a:ahLst/>
            <a:cxnLst/>
            <a:rect l="l" t="t" r="r" b="b"/>
            <a:pathLst>
              <a:path w="788" h="789" extrusionOk="0">
                <a:moveTo>
                  <a:pt x="1" y="1"/>
                </a:moveTo>
                <a:lnTo>
                  <a:pt x="1" y="788"/>
                </a:lnTo>
                <a:lnTo>
                  <a:pt x="787" y="788"/>
                </a:lnTo>
                <a:lnTo>
                  <a:pt x="787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46" name="Google Shape;746;p35"/>
          <p:cNvSpPr/>
          <p:nvPr/>
        </p:nvSpPr>
        <p:spPr>
          <a:xfrm flipH="1">
            <a:off x="11640192" y="5268773"/>
            <a:ext cx="87171" cy="87281"/>
          </a:xfrm>
          <a:custGeom>
            <a:avLst/>
            <a:gdLst/>
            <a:ahLst/>
            <a:cxnLst/>
            <a:rect l="l" t="t" r="r" b="b"/>
            <a:pathLst>
              <a:path w="788" h="789" extrusionOk="0">
                <a:moveTo>
                  <a:pt x="0" y="1"/>
                </a:moveTo>
                <a:lnTo>
                  <a:pt x="0" y="788"/>
                </a:lnTo>
                <a:lnTo>
                  <a:pt x="788" y="788"/>
                </a:lnTo>
                <a:lnTo>
                  <a:pt x="788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47" name="Google Shape;747;p35"/>
          <p:cNvSpPr/>
          <p:nvPr/>
        </p:nvSpPr>
        <p:spPr>
          <a:xfrm flipH="1">
            <a:off x="11512091" y="5268773"/>
            <a:ext cx="87171" cy="87281"/>
          </a:xfrm>
          <a:custGeom>
            <a:avLst/>
            <a:gdLst/>
            <a:ahLst/>
            <a:cxnLst/>
            <a:rect l="l" t="t" r="r" b="b"/>
            <a:pathLst>
              <a:path w="788" h="789" extrusionOk="0">
                <a:moveTo>
                  <a:pt x="1" y="1"/>
                </a:moveTo>
                <a:lnTo>
                  <a:pt x="1" y="788"/>
                </a:lnTo>
                <a:lnTo>
                  <a:pt x="788" y="788"/>
                </a:lnTo>
                <a:lnTo>
                  <a:pt x="788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48" name="Google Shape;748;p35"/>
          <p:cNvSpPr/>
          <p:nvPr/>
        </p:nvSpPr>
        <p:spPr>
          <a:xfrm flipH="1">
            <a:off x="12151826" y="5727861"/>
            <a:ext cx="16815" cy="224676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1" y="1"/>
                </a:moveTo>
                <a:lnTo>
                  <a:pt x="1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49" name="Google Shape;749;p35"/>
          <p:cNvSpPr/>
          <p:nvPr/>
        </p:nvSpPr>
        <p:spPr>
          <a:xfrm flipH="1">
            <a:off x="12063549" y="5727861"/>
            <a:ext cx="16815" cy="224676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1" y="1"/>
                </a:moveTo>
                <a:lnTo>
                  <a:pt x="1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50" name="Google Shape;750;p35"/>
          <p:cNvSpPr/>
          <p:nvPr/>
        </p:nvSpPr>
        <p:spPr>
          <a:xfrm flipH="1">
            <a:off x="12019741" y="5727861"/>
            <a:ext cx="16704" cy="224676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0" y="1"/>
                </a:moveTo>
                <a:lnTo>
                  <a:pt x="0" y="2031"/>
                </a:lnTo>
                <a:lnTo>
                  <a:pt x="150" y="2031"/>
                </a:lnTo>
                <a:lnTo>
                  <a:pt x="150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51" name="Google Shape;751;p35"/>
          <p:cNvSpPr/>
          <p:nvPr/>
        </p:nvSpPr>
        <p:spPr>
          <a:xfrm flipH="1">
            <a:off x="11975824" y="5727861"/>
            <a:ext cx="16704" cy="224676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1" y="1"/>
                </a:moveTo>
                <a:lnTo>
                  <a:pt x="1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52" name="Google Shape;752;p35"/>
          <p:cNvSpPr/>
          <p:nvPr/>
        </p:nvSpPr>
        <p:spPr>
          <a:xfrm flipH="1">
            <a:off x="11928920" y="5727861"/>
            <a:ext cx="16704" cy="224676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0" y="1"/>
                </a:moveTo>
                <a:lnTo>
                  <a:pt x="0" y="2031"/>
                </a:lnTo>
                <a:lnTo>
                  <a:pt x="150" y="2031"/>
                </a:lnTo>
                <a:lnTo>
                  <a:pt x="150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53" name="Google Shape;753;p35"/>
          <p:cNvSpPr/>
          <p:nvPr/>
        </p:nvSpPr>
        <p:spPr>
          <a:xfrm flipH="1">
            <a:off x="11893963" y="5727861"/>
            <a:ext cx="16704" cy="224676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0" y="1"/>
                </a:moveTo>
                <a:lnTo>
                  <a:pt x="0" y="2031"/>
                </a:lnTo>
                <a:lnTo>
                  <a:pt x="150" y="2031"/>
                </a:lnTo>
                <a:lnTo>
                  <a:pt x="150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54" name="Google Shape;754;p35"/>
          <p:cNvSpPr/>
          <p:nvPr/>
        </p:nvSpPr>
        <p:spPr>
          <a:xfrm flipH="1">
            <a:off x="11752145" y="5727861"/>
            <a:ext cx="16815" cy="224676"/>
          </a:xfrm>
          <a:custGeom>
            <a:avLst/>
            <a:gdLst/>
            <a:ahLst/>
            <a:cxnLst/>
            <a:rect l="l" t="t" r="r" b="b"/>
            <a:pathLst>
              <a:path w="152" h="2031" extrusionOk="0">
                <a:moveTo>
                  <a:pt x="1" y="1"/>
                </a:moveTo>
                <a:lnTo>
                  <a:pt x="1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55" name="Google Shape;755;p35"/>
          <p:cNvSpPr/>
          <p:nvPr/>
        </p:nvSpPr>
        <p:spPr>
          <a:xfrm flipH="1">
            <a:off x="11835664" y="5727861"/>
            <a:ext cx="16704" cy="224676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0" y="1"/>
                </a:moveTo>
                <a:lnTo>
                  <a:pt x="0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56" name="Google Shape;756;p35"/>
          <p:cNvSpPr/>
          <p:nvPr/>
        </p:nvSpPr>
        <p:spPr>
          <a:xfrm flipH="1">
            <a:off x="11711435" y="5727861"/>
            <a:ext cx="16704" cy="224676"/>
          </a:xfrm>
          <a:custGeom>
            <a:avLst/>
            <a:gdLst/>
            <a:ahLst/>
            <a:cxnLst/>
            <a:rect l="l" t="t" r="r" b="b"/>
            <a:pathLst>
              <a:path w="151" h="2031" extrusionOk="0">
                <a:moveTo>
                  <a:pt x="0" y="1"/>
                </a:moveTo>
                <a:lnTo>
                  <a:pt x="0" y="2031"/>
                </a:lnTo>
                <a:lnTo>
                  <a:pt x="151" y="2031"/>
                </a:lnTo>
                <a:lnTo>
                  <a:pt x="151" y="1"/>
                </a:ln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57" name="Google Shape;757;p35"/>
          <p:cNvSpPr/>
          <p:nvPr/>
        </p:nvSpPr>
        <p:spPr>
          <a:xfrm flipH="1">
            <a:off x="11503242" y="4287766"/>
            <a:ext cx="21572" cy="63276"/>
          </a:xfrm>
          <a:custGeom>
            <a:avLst/>
            <a:gdLst/>
            <a:ahLst/>
            <a:cxnLst/>
            <a:rect l="l" t="t" r="r" b="b"/>
            <a:pathLst>
              <a:path w="195" h="572" extrusionOk="0">
                <a:moveTo>
                  <a:pt x="0" y="0"/>
                </a:moveTo>
                <a:lnTo>
                  <a:pt x="0" y="571"/>
                </a:lnTo>
                <a:lnTo>
                  <a:pt x="195" y="571"/>
                </a:lnTo>
                <a:lnTo>
                  <a:pt x="195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58" name="Google Shape;758;p35"/>
          <p:cNvSpPr/>
          <p:nvPr/>
        </p:nvSpPr>
        <p:spPr>
          <a:xfrm flipH="1">
            <a:off x="11388967" y="4287766"/>
            <a:ext cx="21572" cy="63276"/>
          </a:xfrm>
          <a:custGeom>
            <a:avLst/>
            <a:gdLst/>
            <a:ahLst/>
            <a:cxnLst/>
            <a:rect l="l" t="t" r="r" b="b"/>
            <a:pathLst>
              <a:path w="195" h="572" extrusionOk="0">
                <a:moveTo>
                  <a:pt x="0" y="0"/>
                </a:moveTo>
                <a:lnTo>
                  <a:pt x="0" y="571"/>
                </a:lnTo>
                <a:lnTo>
                  <a:pt x="195" y="571"/>
                </a:lnTo>
                <a:lnTo>
                  <a:pt x="195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59" name="Google Shape;759;p35"/>
          <p:cNvSpPr/>
          <p:nvPr/>
        </p:nvSpPr>
        <p:spPr>
          <a:xfrm flipH="1">
            <a:off x="11332217" y="4287766"/>
            <a:ext cx="21683" cy="63276"/>
          </a:xfrm>
          <a:custGeom>
            <a:avLst/>
            <a:gdLst/>
            <a:ahLst/>
            <a:cxnLst/>
            <a:rect l="l" t="t" r="r" b="b"/>
            <a:pathLst>
              <a:path w="196" h="572" extrusionOk="0">
                <a:moveTo>
                  <a:pt x="1" y="0"/>
                </a:moveTo>
                <a:lnTo>
                  <a:pt x="1" y="571"/>
                </a:lnTo>
                <a:lnTo>
                  <a:pt x="195" y="571"/>
                </a:lnTo>
                <a:lnTo>
                  <a:pt x="195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60" name="Google Shape;760;p35"/>
          <p:cNvSpPr/>
          <p:nvPr/>
        </p:nvSpPr>
        <p:spPr>
          <a:xfrm flipH="1">
            <a:off x="11275469" y="4287766"/>
            <a:ext cx="21572" cy="63276"/>
          </a:xfrm>
          <a:custGeom>
            <a:avLst/>
            <a:gdLst/>
            <a:ahLst/>
            <a:cxnLst/>
            <a:rect l="l" t="t" r="r" b="b"/>
            <a:pathLst>
              <a:path w="195" h="572" extrusionOk="0">
                <a:moveTo>
                  <a:pt x="0" y="0"/>
                </a:moveTo>
                <a:lnTo>
                  <a:pt x="0" y="571"/>
                </a:lnTo>
                <a:lnTo>
                  <a:pt x="195" y="571"/>
                </a:lnTo>
                <a:lnTo>
                  <a:pt x="195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61" name="Google Shape;761;p35"/>
          <p:cNvSpPr/>
          <p:nvPr/>
        </p:nvSpPr>
        <p:spPr>
          <a:xfrm flipH="1">
            <a:off x="11214735" y="4287766"/>
            <a:ext cx="21683" cy="63276"/>
          </a:xfrm>
          <a:custGeom>
            <a:avLst/>
            <a:gdLst/>
            <a:ahLst/>
            <a:cxnLst/>
            <a:rect l="l" t="t" r="r" b="b"/>
            <a:pathLst>
              <a:path w="196" h="572" extrusionOk="0">
                <a:moveTo>
                  <a:pt x="0" y="0"/>
                </a:moveTo>
                <a:lnTo>
                  <a:pt x="0" y="571"/>
                </a:lnTo>
                <a:lnTo>
                  <a:pt x="195" y="571"/>
                </a:lnTo>
                <a:lnTo>
                  <a:pt x="195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62" name="Google Shape;762;p35"/>
          <p:cNvSpPr/>
          <p:nvPr/>
        </p:nvSpPr>
        <p:spPr>
          <a:xfrm flipH="1">
            <a:off x="11169491" y="4287766"/>
            <a:ext cx="21683" cy="63276"/>
          </a:xfrm>
          <a:custGeom>
            <a:avLst/>
            <a:gdLst/>
            <a:ahLst/>
            <a:cxnLst/>
            <a:rect l="l" t="t" r="r" b="b"/>
            <a:pathLst>
              <a:path w="196" h="572" extrusionOk="0">
                <a:moveTo>
                  <a:pt x="1" y="0"/>
                </a:moveTo>
                <a:lnTo>
                  <a:pt x="1" y="571"/>
                </a:lnTo>
                <a:lnTo>
                  <a:pt x="196" y="571"/>
                </a:lnTo>
                <a:lnTo>
                  <a:pt x="196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63" name="Google Shape;763;p35"/>
          <p:cNvSpPr/>
          <p:nvPr/>
        </p:nvSpPr>
        <p:spPr>
          <a:xfrm flipH="1">
            <a:off x="10986188" y="4287766"/>
            <a:ext cx="21461" cy="63276"/>
          </a:xfrm>
          <a:custGeom>
            <a:avLst/>
            <a:gdLst/>
            <a:ahLst/>
            <a:cxnLst/>
            <a:rect l="l" t="t" r="r" b="b"/>
            <a:pathLst>
              <a:path w="194" h="572" extrusionOk="0">
                <a:moveTo>
                  <a:pt x="0" y="0"/>
                </a:moveTo>
                <a:lnTo>
                  <a:pt x="0" y="571"/>
                </a:lnTo>
                <a:lnTo>
                  <a:pt x="194" y="571"/>
                </a:lnTo>
                <a:lnTo>
                  <a:pt x="194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64" name="Google Shape;764;p35"/>
          <p:cNvSpPr/>
          <p:nvPr/>
        </p:nvSpPr>
        <p:spPr>
          <a:xfrm flipH="1">
            <a:off x="11094045" y="4287766"/>
            <a:ext cx="21683" cy="63276"/>
          </a:xfrm>
          <a:custGeom>
            <a:avLst/>
            <a:gdLst/>
            <a:ahLst/>
            <a:cxnLst/>
            <a:rect l="l" t="t" r="r" b="b"/>
            <a:pathLst>
              <a:path w="196" h="572" extrusionOk="0">
                <a:moveTo>
                  <a:pt x="1" y="0"/>
                </a:moveTo>
                <a:lnTo>
                  <a:pt x="1" y="571"/>
                </a:lnTo>
                <a:lnTo>
                  <a:pt x="196" y="571"/>
                </a:lnTo>
                <a:lnTo>
                  <a:pt x="196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65" name="Google Shape;765;p35"/>
          <p:cNvSpPr/>
          <p:nvPr/>
        </p:nvSpPr>
        <p:spPr>
          <a:xfrm flipH="1">
            <a:off x="10933309" y="4287766"/>
            <a:ext cx="21683" cy="63276"/>
          </a:xfrm>
          <a:custGeom>
            <a:avLst/>
            <a:gdLst/>
            <a:ahLst/>
            <a:cxnLst/>
            <a:rect l="l" t="t" r="r" b="b"/>
            <a:pathLst>
              <a:path w="196" h="572" extrusionOk="0">
                <a:moveTo>
                  <a:pt x="1" y="0"/>
                </a:moveTo>
                <a:lnTo>
                  <a:pt x="1" y="571"/>
                </a:lnTo>
                <a:lnTo>
                  <a:pt x="195" y="571"/>
                </a:lnTo>
                <a:lnTo>
                  <a:pt x="195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66" name="Google Shape;766;p35"/>
          <p:cNvSpPr/>
          <p:nvPr/>
        </p:nvSpPr>
        <p:spPr>
          <a:xfrm flipH="1">
            <a:off x="10668810" y="4037756"/>
            <a:ext cx="1639105" cy="393045"/>
          </a:xfrm>
          <a:custGeom>
            <a:avLst/>
            <a:gdLst/>
            <a:ahLst/>
            <a:cxnLst/>
            <a:rect l="l" t="t" r="r" b="b"/>
            <a:pathLst>
              <a:path w="14817" h="3553" extrusionOk="0">
                <a:moveTo>
                  <a:pt x="1" y="0"/>
                </a:moveTo>
                <a:lnTo>
                  <a:pt x="1" y="81"/>
                </a:lnTo>
                <a:lnTo>
                  <a:pt x="3098" y="81"/>
                </a:lnTo>
                <a:lnTo>
                  <a:pt x="6569" y="3552"/>
                </a:lnTo>
                <a:lnTo>
                  <a:pt x="14817" y="3552"/>
                </a:lnTo>
                <a:lnTo>
                  <a:pt x="14817" y="3473"/>
                </a:lnTo>
                <a:lnTo>
                  <a:pt x="6603" y="3473"/>
                </a:lnTo>
                <a:lnTo>
                  <a:pt x="3131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67" name="Google Shape;767;p35"/>
          <p:cNvSpPr/>
          <p:nvPr/>
        </p:nvSpPr>
        <p:spPr>
          <a:xfrm flipH="1">
            <a:off x="10646352" y="4403919"/>
            <a:ext cx="44803" cy="44803"/>
          </a:xfrm>
          <a:custGeom>
            <a:avLst/>
            <a:gdLst/>
            <a:ahLst/>
            <a:cxnLst/>
            <a:rect l="l" t="t" r="r" b="b"/>
            <a:pathLst>
              <a:path w="405" h="405" extrusionOk="0">
                <a:moveTo>
                  <a:pt x="202" y="0"/>
                </a:moveTo>
                <a:cubicBezTo>
                  <a:pt x="91" y="0"/>
                  <a:pt x="0" y="91"/>
                  <a:pt x="0" y="202"/>
                </a:cubicBezTo>
                <a:cubicBezTo>
                  <a:pt x="0" y="314"/>
                  <a:pt x="91" y="405"/>
                  <a:pt x="202" y="405"/>
                </a:cubicBezTo>
                <a:cubicBezTo>
                  <a:pt x="314" y="405"/>
                  <a:pt x="405" y="314"/>
                  <a:pt x="405" y="202"/>
                </a:cubicBezTo>
                <a:cubicBezTo>
                  <a:pt x="405" y="91"/>
                  <a:pt x="314" y="0"/>
                  <a:pt x="202" y="0"/>
                </a:cubicBez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68" name="Google Shape;768;p35"/>
          <p:cNvSpPr/>
          <p:nvPr/>
        </p:nvSpPr>
        <p:spPr>
          <a:xfrm flipH="1">
            <a:off x="10742595" y="4118732"/>
            <a:ext cx="1639216" cy="393045"/>
          </a:xfrm>
          <a:custGeom>
            <a:avLst/>
            <a:gdLst/>
            <a:ahLst/>
            <a:cxnLst/>
            <a:rect l="l" t="t" r="r" b="b"/>
            <a:pathLst>
              <a:path w="14818" h="3553" extrusionOk="0">
                <a:moveTo>
                  <a:pt x="1" y="0"/>
                </a:moveTo>
                <a:lnTo>
                  <a:pt x="1" y="80"/>
                </a:lnTo>
                <a:lnTo>
                  <a:pt x="3098" y="80"/>
                </a:lnTo>
                <a:lnTo>
                  <a:pt x="6569" y="3552"/>
                </a:lnTo>
                <a:lnTo>
                  <a:pt x="14817" y="3552"/>
                </a:lnTo>
                <a:lnTo>
                  <a:pt x="14817" y="3473"/>
                </a:lnTo>
                <a:lnTo>
                  <a:pt x="6603" y="3473"/>
                </a:lnTo>
                <a:lnTo>
                  <a:pt x="3131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69" name="Google Shape;769;p35"/>
          <p:cNvSpPr/>
          <p:nvPr/>
        </p:nvSpPr>
        <p:spPr>
          <a:xfrm flipH="1">
            <a:off x="10720249" y="4484896"/>
            <a:ext cx="44803" cy="44803"/>
          </a:xfrm>
          <a:custGeom>
            <a:avLst/>
            <a:gdLst/>
            <a:ahLst/>
            <a:cxnLst/>
            <a:rect l="l" t="t" r="r" b="b"/>
            <a:pathLst>
              <a:path w="405" h="405" extrusionOk="0">
                <a:moveTo>
                  <a:pt x="202" y="0"/>
                </a:moveTo>
                <a:cubicBezTo>
                  <a:pt x="90" y="0"/>
                  <a:pt x="0" y="91"/>
                  <a:pt x="0" y="202"/>
                </a:cubicBezTo>
                <a:cubicBezTo>
                  <a:pt x="0" y="314"/>
                  <a:pt x="90" y="404"/>
                  <a:pt x="202" y="404"/>
                </a:cubicBezTo>
                <a:cubicBezTo>
                  <a:pt x="314" y="404"/>
                  <a:pt x="405" y="314"/>
                  <a:pt x="405" y="202"/>
                </a:cubicBezTo>
                <a:cubicBezTo>
                  <a:pt x="405" y="91"/>
                  <a:pt x="314" y="0"/>
                  <a:pt x="202" y="0"/>
                </a:cubicBez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70" name="Google Shape;770;p35"/>
          <p:cNvSpPr/>
          <p:nvPr/>
        </p:nvSpPr>
        <p:spPr>
          <a:xfrm flipH="1">
            <a:off x="10816491" y="4199599"/>
            <a:ext cx="1639216" cy="393045"/>
          </a:xfrm>
          <a:custGeom>
            <a:avLst/>
            <a:gdLst/>
            <a:ahLst/>
            <a:cxnLst/>
            <a:rect l="l" t="t" r="r" b="b"/>
            <a:pathLst>
              <a:path w="14818" h="3553" extrusionOk="0">
                <a:moveTo>
                  <a:pt x="0" y="1"/>
                </a:moveTo>
                <a:lnTo>
                  <a:pt x="0" y="81"/>
                </a:lnTo>
                <a:lnTo>
                  <a:pt x="3098" y="81"/>
                </a:lnTo>
                <a:lnTo>
                  <a:pt x="6569" y="3553"/>
                </a:lnTo>
                <a:lnTo>
                  <a:pt x="14817" y="3553"/>
                </a:lnTo>
                <a:lnTo>
                  <a:pt x="14817" y="3473"/>
                </a:lnTo>
                <a:lnTo>
                  <a:pt x="6603" y="3473"/>
                </a:lnTo>
                <a:lnTo>
                  <a:pt x="3142" y="13"/>
                </a:lnTo>
                <a:lnTo>
                  <a:pt x="3130" y="1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71" name="Google Shape;771;p35"/>
          <p:cNvSpPr/>
          <p:nvPr/>
        </p:nvSpPr>
        <p:spPr>
          <a:xfrm flipH="1">
            <a:off x="10784521" y="4565762"/>
            <a:ext cx="44803" cy="44913"/>
          </a:xfrm>
          <a:custGeom>
            <a:avLst/>
            <a:gdLst/>
            <a:ahLst/>
            <a:cxnLst/>
            <a:rect l="l" t="t" r="r" b="b"/>
            <a:pathLst>
              <a:path w="405" h="406" extrusionOk="0">
                <a:moveTo>
                  <a:pt x="202" y="1"/>
                </a:moveTo>
                <a:cubicBezTo>
                  <a:pt x="91" y="1"/>
                  <a:pt x="1" y="92"/>
                  <a:pt x="1" y="203"/>
                </a:cubicBezTo>
                <a:cubicBezTo>
                  <a:pt x="1" y="314"/>
                  <a:pt x="91" y="405"/>
                  <a:pt x="202" y="405"/>
                </a:cubicBezTo>
                <a:cubicBezTo>
                  <a:pt x="314" y="405"/>
                  <a:pt x="405" y="314"/>
                  <a:pt x="405" y="203"/>
                </a:cubicBezTo>
                <a:cubicBezTo>
                  <a:pt x="405" y="92"/>
                  <a:pt x="314" y="1"/>
                  <a:pt x="202" y="1"/>
                </a:cubicBez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72" name="Google Shape;772;p35"/>
          <p:cNvSpPr/>
          <p:nvPr/>
        </p:nvSpPr>
        <p:spPr>
          <a:xfrm flipH="1">
            <a:off x="10890388" y="4280575"/>
            <a:ext cx="1639216" cy="393045"/>
          </a:xfrm>
          <a:custGeom>
            <a:avLst/>
            <a:gdLst/>
            <a:ahLst/>
            <a:cxnLst/>
            <a:rect l="l" t="t" r="r" b="b"/>
            <a:pathLst>
              <a:path w="14818" h="3553" extrusionOk="0">
                <a:moveTo>
                  <a:pt x="0" y="0"/>
                </a:moveTo>
                <a:lnTo>
                  <a:pt x="0" y="81"/>
                </a:lnTo>
                <a:lnTo>
                  <a:pt x="3097" y="81"/>
                </a:lnTo>
                <a:lnTo>
                  <a:pt x="6570" y="3552"/>
                </a:lnTo>
                <a:lnTo>
                  <a:pt x="14817" y="3552"/>
                </a:lnTo>
                <a:lnTo>
                  <a:pt x="14817" y="3473"/>
                </a:lnTo>
                <a:lnTo>
                  <a:pt x="6603" y="3473"/>
                </a:lnTo>
                <a:lnTo>
                  <a:pt x="3130" y="0"/>
                </a:ln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73" name="Google Shape;773;p35"/>
          <p:cNvSpPr/>
          <p:nvPr/>
        </p:nvSpPr>
        <p:spPr>
          <a:xfrm flipH="1">
            <a:off x="10868153" y="4646737"/>
            <a:ext cx="44692" cy="44803"/>
          </a:xfrm>
          <a:custGeom>
            <a:avLst/>
            <a:gdLst/>
            <a:ahLst/>
            <a:cxnLst/>
            <a:rect l="l" t="t" r="r" b="b"/>
            <a:pathLst>
              <a:path w="404" h="405" extrusionOk="0">
                <a:moveTo>
                  <a:pt x="202" y="1"/>
                </a:moveTo>
                <a:cubicBezTo>
                  <a:pt x="90" y="1"/>
                  <a:pt x="0" y="91"/>
                  <a:pt x="0" y="202"/>
                </a:cubicBezTo>
                <a:cubicBezTo>
                  <a:pt x="0" y="314"/>
                  <a:pt x="90" y="405"/>
                  <a:pt x="202" y="405"/>
                </a:cubicBezTo>
                <a:cubicBezTo>
                  <a:pt x="314" y="405"/>
                  <a:pt x="404" y="314"/>
                  <a:pt x="404" y="202"/>
                </a:cubicBezTo>
                <a:cubicBezTo>
                  <a:pt x="404" y="91"/>
                  <a:pt x="314" y="1"/>
                  <a:pt x="202" y="1"/>
                </a:cubicBez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74" name="Google Shape;774;p35"/>
          <p:cNvSpPr/>
          <p:nvPr/>
        </p:nvSpPr>
        <p:spPr>
          <a:xfrm flipH="1">
            <a:off x="12057796" y="4771189"/>
            <a:ext cx="44803" cy="44803"/>
          </a:xfrm>
          <a:custGeom>
            <a:avLst/>
            <a:gdLst/>
            <a:ahLst/>
            <a:cxnLst/>
            <a:rect l="l" t="t" r="r" b="b"/>
            <a:pathLst>
              <a:path w="405" h="405" extrusionOk="0">
                <a:moveTo>
                  <a:pt x="202" y="0"/>
                </a:moveTo>
                <a:cubicBezTo>
                  <a:pt x="90" y="0"/>
                  <a:pt x="0" y="91"/>
                  <a:pt x="0" y="203"/>
                </a:cubicBezTo>
                <a:cubicBezTo>
                  <a:pt x="0" y="314"/>
                  <a:pt x="90" y="404"/>
                  <a:pt x="202" y="404"/>
                </a:cubicBezTo>
                <a:cubicBezTo>
                  <a:pt x="314" y="404"/>
                  <a:pt x="404" y="314"/>
                  <a:pt x="404" y="203"/>
                </a:cubicBezTo>
                <a:cubicBezTo>
                  <a:pt x="404" y="91"/>
                  <a:pt x="314" y="0"/>
                  <a:pt x="202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75" name="Google Shape;775;p35"/>
          <p:cNvSpPr/>
          <p:nvPr/>
        </p:nvSpPr>
        <p:spPr>
          <a:xfrm flipH="1">
            <a:off x="11965647" y="4766653"/>
            <a:ext cx="53652" cy="53763"/>
          </a:xfrm>
          <a:custGeom>
            <a:avLst/>
            <a:gdLst/>
            <a:ahLst/>
            <a:cxnLst/>
            <a:rect l="l" t="t" r="r" b="b"/>
            <a:pathLst>
              <a:path w="485" h="486" extrusionOk="0">
                <a:moveTo>
                  <a:pt x="243" y="81"/>
                </a:moveTo>
                <a:cubicBezTo>
                  <a:pt x="332" y="81"/>
                  <a:pt x="404" y="154"/>
                  <a:pt x="404" y="244"/>
                </a:cubicBezTo>
                <a:cubicBezTo>
                  <a:pt x="404" y="333"/>
                  <a:pt x="332" y="405"/>
                  <a:pt x="243" y="405"/>
                </a:cubicBezTo>
                <a:cubicBezTo>
                  <a:pt x="153" y="405"/>
                  <a:pt x="80" y="333"/>
                  <a:pt x="80" y="244"/>
                </a:cubicBezTo>
                <a:cubicBezTo>
                  <a:pt x="80" y="154"/>
                  <a:pt x="153" y="81"/>
                  <a:pt x="243" y="81"/>
                </a:cubicBezTo>
                <a:close/>
                <a:moveTo>
                  <a:pt x="243" y="1"/>
                </a:moveTo>
                <a:cubicBezTo>
                  <a:pt x="109" y="1"/>
                  <a:pt x="1" y="110"/>
                  <a:pt x="1" y="244"/>
                </a:cubicBezTo>
                <a:cubicBezTo>
                  <a:pt x="1" y="376"/>
                  <a:pt x="109" y="486"/>
                  <a:pt x="243" y="486"/>
                </a:cubicBezTo>
                <a:cubicBezTo>
                  <a:pt x="376" y="486"/>
                  <a:pt x="484" y="376"/>
                  <a:pt x="484" y="244"/>
                </a:cubicBezTo>
                <a:cubicBezTo>
                  <a:pt x="484" y="110"/>
                  <a:pt x="376" y="1"/>
                  <a:pt x="243" y="1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76" name="Google Shape;776;p35"/>
          <p:cNvSpPr/>
          <p:nvPr/>
        </p:nvSpPr>
        <p:spPr>
          <a:xfrm flipH="1">
            <a:off x="11882347" y="4771189"/>
            <a:ext cx="44803" cy="44803"/>
          </a:xfrm>
          <a:custGeom>
            <a:avLst/>
            <a:gdLst/>
            <a:ahLst/>
            <a:cxnLst/>
            <a:rect l="l" t="t" r="r" b="b"/>
            <a:pathLst>
              <a:path w="405" h="405" extrusionOk="0">
                <a:moveTo>
                  <a:pt x="202" y="0"/>
                </a:moveTo>
                <a:cubicBezTo>
                  <a:pt x="91" y="0"/>
                  <a:pt x="1" y="91"/>
                  <a:pt x="1" y="203"/>
                </a:cubicBezTo>
                <a:cubicBezTo>
                  <a:pt x="1" y="314"/>
                  <a:pt x="91" y="404"/>
                  <a:pt x="202" y="404"/>
                </a:cubicBezTo>
                <a:cubicBezTo>
                  <a:pt x="314" y="404"/>
                  <a:pt x="405" y="314"/>
                  <a:pt x="405" y="203"/>
                </a:cubicBezTo>
                <a:cubicBezTo>
                  <a:pt x="405" y="91"/>
                  <a:pt x="314" y="0"/>
                  <a:pt x="202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77" name="Google Shape;777;p35"/>
          <p:cNvSpPr/>
          <p:nvPr/>
        </p:nvSpPr>
        <p:spPr>
          <a:xfrm flipH="1">
            <a:off x="11794623" y="4771189"/>
            <a:ext cx="44803" cy="44803"/>
          </a:xfrm>
          <a:custGeom>
            <a:avLst/>
            <a:gdLst/>
            <a:ahLst/>
            <a:cxnLst/>
            <a:rect l="l" t="t" r="r" b="b"/>
            <a:pathLst>
              <a:path w="405" h="405" extrusionOk="0">
                <a:moveTo>
                  <a:pt x="203" y="0"/>
                </a:moveTo>
                <a:cubicBezTo>
                  <a:pt x="91" y="0"/>
                  <a:pt x="0" y="91"/>
                  <a:pt x="0" y="203"/>
                </a:cubicBezTo>
                <a:cubicBezTo>
                  <a:pt x="0" y="314"/>
                  <a:pt x="91" y="404"/>
                  <a:pt x="203" y="404"/>
                </a:cubicBezTo>
                <a:cubicBezTo>
                  <a:pt x="315" y="404"/>
                  <a:pt x="405" y="314"/>
                  <a:pt x="405" y="203"/>
                </a:cubicBezTo>
                <a:cubicBezTo>
                  <a:pt x="405" y="91"/>
                  <a:pt x="315" y="0"/>
                  <a:pt x="20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78" name="Google Shape;778;p35"/>
          <p:cNvSpPr/>
          <p:nvPr/>
        </p:nvSpPr>
        <p:spPr>
          <a:xfrm flipH="1">
            <a:off x="11706788" y="4771189"/>
            <a:ext cx="44803" cy="44803"/>
          </a:xfrm>
          <a:custGeom>
            <a:avLst/>
            <a:gdLst/>
            <a:ahLst/>
            <a:cxnLst/>
            <a:rect l="l" t="t" r="r" b="b"/>
            <a:pathLst>
              <a:path w="405" h="405" extrusionOk="0">
                <a:moveTo>
                  <a:pt x="202" y="0"/>
                </a:moveTo>
                <a:cubicBezTo>
                  <a:pt x="91" y="0"/>
                  <a:pt x="0" y="91"/>
                  <a:pt x="0" y="203"/>
                </a:cubicBezTo>
                <a:cubicBezTo>
                  <a:pt x="0" y="314"/>
                  <a:pt x="91" y="404"/>
                  <a:pt x="202" y="404"/>
                </a:cubicBezTo>
                <a:cubicBezTo>
                  <a:pt x="314" y="404"/>
                  <a:pt x="404" y="314"/>
                  <a:pt x="404" y="203"/>
                </a:cubicBezTo>
                <a:cubicBezTo>
                  <a:pt x="404" y="91"/>
                  <a:pt x="314" y="0"/>
                  <a:pt x="202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79" name="Google Shape;779;p35"/>
          <p:cNvSpPr/>
          <p:nvPr/>
        </p:nvSpPr>
        <p:spPr>
          <a:xfrm flipH="1">
            <a:off x="11619065" y="4771189"/>
            <a:ext cx="44913" cy="44803"/>
          </a:xfrm>
          <a:custGeom>
            <a:avLst/>
            <a:gdLst/>
            <a:ahLst/>
            <a:cxnLst/>
            <a:rect l="l" t="t" r="r" b="b"/>
            <a:pathLst>
              <a:path w="406" h="405" extrusionOk="0">
                <a:moveTo>
                  <a:pt x="204" y="0"/>
                </a:moveTo>
                <a:cubicBezTo>
                  <a:pt x="92" y="0"/>
                  <a:pt x="1" y="91"/>
                  <a:pt x="1" y="203"/>
                </a:cubicBezTo>
                <a:cubicBezTo>
                  <a:pt x="1" y="314"/>
                  <a:pt x="92" y="404"/>
                  <a:pt x="204" y="404"/>
                </a:cubicBezTo>
                <a:cubicBezTo>
                  <a:pt x="315" y="404"/>
                  <a:pt x="405" y="314"/>
                  <a:pt x="405" y="203"/>
                </a:cubicBezTo>
                <a:cubicBezTo>
                  <a:pt x="405" y="91"/>
                  <a:pt x="315" y="0"/>
                  <a:pt x="204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80" name="Google Shape;780;p35"/>
          <p:cNvSpPr/>
          <p:nvPr/>
        </p:nvSpPr>
        <p:spPr>
          <a:xfrm flipH="1">
            <a:off x="10798792" y="5290012"/>
            <a:ext cx="44803" cy="44803"/>
          </a:xfrm>
          <a:custGeom>
            <a:avLst/>
            <a:gdLst/>
            <a:ahLst/>
            <a:cxnLst/>
            <a:rect l="l" t="t" r="r" b="b"/>
            <a:pathLst>
              <a:path w="405" h="405" extrusionOk="0">
                <a:moveTo>
                  <a:pt x="202" y="1"/>
                </a:moveTo>
                <a:cubicBezTo>
                  <a:pt x="90" y="1"/>
                  <a:pt x="0" y="91"/>
                  <a:pt x="0" y="202"/>
                </a:cubicBezTo>
                <a:cubicBezTo>
                  <a:pt x="0" y="314"/>
                  <a:pt x="90" y="405"/>
                  <a:pt x="202" y="405"/>
                </a:cubicBezTo>
                <a:cubicBezTo>
                  <a:pt x="314" y="405"/>
                  <a:pt x="405" y="314"/>
                  <a:pt x="405" y="202"/>
                </a:cubicBezTo>
                <a:cubicBezTo>
                  <a:pt x="405" y="91"/>
                  <a:pt x="314" y="1"/>
                  <a:pt x="202" y="1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81" name="Google Shape;781;p35"/>
          <p:cNvSpPr/>
          <p:nvPr/>
        </p:nvSpPr>
        <p:spPr>
          <a:xfrm flipH="1">
            <a:off x="10706643" y="5285587"/>
            <a:ext cx="53652" cy="53652"/>
          </a:xfrm>
          <a:custGeom>
            <a:avLst/>
            <a:gdLst/>
            <a:ahLst/>
            <a:cxnLst/>
            <a:rect l="l" t="t" r="r" b="b"/>
            <a:pathLst>
              <a:path w="485" h="485" extrusionOk="0">
                <a:moveTo>
                  <a:pt x="243" y="81"/>
                </a:moveTo>
                <a:cubicBezTo>
                  <a:pt x="332" y="81"/>
                  <a:pt x="404" y="153"/>
                  <a:pt x="404" y="242"/>
                </a:cubicBezTo>
                <a:cubicBezTo>
                  <a:pt x="404" y="332"/>
                  <a:pt x="332" y="405"/>
                  <a:pt x="243" y="405"/>
                </a:cubicBezTo>
                <a:cubicBezTo>
                  <a:pt x="153" y="405"/>
                  <a:pt x="80" y="332"/>
                  <a:pt x="80" y="242"/>
                </a:cubicBezTo>
                <a:cubicBezTo>
                  <a:pt x="80" y="153"/>
                  <a:pt x="153" y="81"/>
                  <a:pt x="243" y="81"/>
                </a:cubicBezTo>
                <a:close/>
                <a:moveTo>
                  <a:pt x="243" y="0"/>
                </a:moveTo>
                <a:cubicBezTo>
                  <a:pt x="109" y="0"/>
                  <a:pt x="1" y="109"/>
                  <a:pt x="1" y="242"/>
                </a:cubicBezTo>
                <a:cubicBezTo>
                  <a:pt x="1" y="376"/>
                  <a:pt x="109" y="484"/>
                  <a:pt x="243" y="484"/>
                </a:cubicBezTo>
                <a:cubicBezTo>
                  <a:pt x="376" y="484"/>
                  <a:pt x="485" y="376"/>
                  <a:pt x="485" y="242"/>
                </a:cubicBezTo>
                <a:cubicBezTo>
                  <a:pt x="485" y="109"/>
                  <a:pt x="376" y="0"/>
                  <a:pt x="24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82" name="Google Shape;782;p35"/>
          <p:cNvSpPr/>
          <p:nvPr/>
        </p:nvSpPr>
        <p:spPr>
          <a:xfrm flipH="1">
            <a:off x="10623233" y="5290012"/>
            <a:ext cx="44913" cy="44803"/>
          </a:xfrm>
          <a:custGeom>
            <a:avLst/>
            <a:gdLst/>
            <a:ahLst/>
            <a:cxnLst/>
            <a:rect l="l" t="t" r="r" b="b"/>
            <a:pathLst>
              <a:path w="406" h="405" extrusionOk="0">
                <a:moveTo>
                  <a:pt x="203" y="1"/>
                </a:moveTo>
                <a:cubicBezTo>
                  <a:pt x="91" y="1"/>
                  <a:pt x="1" y="91"/>
                  <a:pt x="1" y="202"/>
                </a:cubicBezTo>
                <a:cubicBezTo>
                  <a:pt x="1" y="314"/>
                  <a:pt x="91" y="405"/>
                  <a:pt x="203" y="405"/>
                </a:cubicBezTo>
                <a:cubicBezTo>
                  <a:pt x="314" y="405"/>
                  <a:pt x="405" y="314"/>
                  <a:pt x="405" y="202"/>
                </a:cubicBezTo>
                <a:cubicBezTo>
                  <a:pt x="405" y="91"/>
                  <a:pt x="314" y="1"/>
                  <a:pt x="203" y="1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83" name="Google Shape;783;p35"/>
          <p:cNvSpPr/>
          <p:nvPr/>
        </p:nvSpPr>
        <p:spPr>
          <a:xfrm flipH="1">
            <a:off x="10535509" y="5290012"/>
            <a:ext cx="44913" cy="44803"/>
          </a:xfrm>
          <a:custGeom>
            <a:avLst/>
            <a:gdLst/>
            <a:ahLst/>
            <a:cxnLst/>
            <a:rect l="l" t="t" r="r" b="b"/>
            <a:pathLst>
              <a:path w="406" h="405" extrusionOk="0">
                <a:moveTo>
                  <a:pt x="203" y="1"/>
                </a:moveTo>
                <a:cubicBezTo>
                  <a:pt x="92" y="1"/>
                  <a:pt x="1" y="91"/>
                  <a:pt x="1" y="202"/>
                </a:cubicBezTo>
                <a:cubicBezTo>
                  <a:pt x="1" y="314"/>
                  <a:pt x="92" y="405"/>
                  <a:pt x="203" y="405"/>
                </a:cubicBezTo>
                <a:cubicBezTo>
                  <a:pt x="315" y="405"/>
                  <a:pt x="405" y="314"/>
                  <a:pt x="405" y="202"/>
                </a:cubicBezTo>
                <a:cubicBezTo>
                  <a:pt x="405" y="91"/>
                  <a:pt x="315" y="1"/>
                  <a:pt x="203" y="1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84" name="Google Shape;784;p35"/>
          <p:cNvSpPr/>
          <p:nvPr/>
        </p:nvSpPr>
        <p:spPr>
          <a:xfrm flipH="1">
            <a:off x="10443470" y="5285587"/>
            <a:ext cx="53541" cy="53652"/>
          </a:xfrm>
          <a:custGeom>
            <a:avLst/>
            <a:gdLst/>
            <a:ahLst/>
            <a:cxnLst/>
            <a:rect l="l" t="t" r="r" b="b"/>
            <a:pathLst>
              <a:path w="484" h="485" extrusionOk="0">
                <a:moveTo>
                  <a:pt x="242" y="81"/>
                </a:moveTo>
                <a:cubicBezTo>
                  <a:pt x="332" y="81"/>
                  <a:pt x="405" y="153"/>
                  <a:pt x="405" y="242"/>
                </a:cubicBezTo>
                <a:cubicBezTo>
                  <a:pt x="405" y="332"/>
                  <a:pt x="332" y="405"/>
                  <a:pt x="242" y="405"/>
                </a:cubicBezTo>
                <a:cubicBezTo>
                  <a:pt x="153" y="405"/>
                  <a:pt x="81" y="332"/>
                  <a:pt x="81" y="242"/>
                </a:cubicBezTo>
                <a:cubicBezTo>
                  <a:pt x="81" y="153"/>
                  <a:pt x="153" y="81"/>
                  <a:pt x="242" y="81"/>
                </a:cubicBezTo>
                <a:close/>
                <a:moveTo>
                  <a:pt x="242" y="0"/>
                </a:moveTo>
                <a:cubicBezTo>
                  <a:pt x="109" y="0"/>
                  <a:pt x="0" y="109"/>
                  <a:pt x="0" y="242"/>
                </a:cubicBezTo>
                <a:cubicBezTo>
                  <a:pt x="0" y="376"/>
                  <a:pt x="109" y="484"/>
                  <a:pt x="242" y="484"/>
                </a:cubicBezTo>
                <a:cubicBezTo>
                  <a:pt x="376" y="484"/>
                  <a:pt x="484" y="376"/>
                  <a:pt x="484" y="242"/>
                </a:cubicBezTo>
                <a:cubicBezTo>
                  <a:pt x="484" y="109"/>
                  <a:pt x="376" y="0"/>
                  <a:pt x="242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85" name="Google Shape;785;p35"/>
          <p:cNvSpPr/>
          <p:nvPr/>
        </p:nvSpPr>
        <p:spPr>
          <a:xfrm flipH="1">
            <a:off x="10355635" y="5285587"/>
            <a:ext cx="53652" cy="53652"/>
          </a:xfrm>
          <a:custGeom>
            <a:avLst/>
            <a:gdLst/>
            <a:ahLst/>
            <a:cxnLst/>
            <a:rect l="l" t="t" r="r" b="b"/>
            <a:pathLst>
              <a:path w="485" h="485" extrusionOk="0">
                <a:moveTo>
                  <a:pt x="243" y="81"/>
                </a:moveTo>
                <a:cubicBezTo>
                  <a:pt x="332" y="81"/>
                  <a:pt x="404" y="153"/>
                  <a:pt x="404" y="242"/>
                </a:cubicBezTo>
                <a:cubicBezTo>
                  <a:pt x="404" y="332"/>
                  <a:pt x="332" y="405"/>
                  <a:pt x="243" y="405"/>
                </a:cubicBezTo>
                <a:cubicBezTo>
                  <a:pt x="153" y="405"/>
                  <a:pt x="80" y="332"/>
                  <a:pt x="80" y="242"/>
                </a:cubicBezTo>
                <a:cubicBezTo>
                  <a:pt x="80" y="153"/>
                  <a:pt x="153" y="81"/>
                  <a:pt x="243" y="81"/>
                </a:cubicBezTo>
                <a:close/>
                <a:moveTo>
                  <a:pt x="243" y="0"/>
                </a:moveTo>
                <a:cubicBezTo>
                  <a:pt x="109" y="0"/>
                  <a:pt x="1" y="109"/>
                  <a:pt x="1" y="242"/>
                </a:cubicBezTo>
                <a:cubicBezTo>
                  <a:pt x="1" y="376"/>
                  <a:pt x="109" y="484"/>
                  <a:pt x="243" y="484"/>
                </a:cubicBezTo>
                <a:cubicBezTo>
                  <a:pt x="376" y="484"/>
                  <a:pt x="485" y="376"/>
                  <a:pt x="485" y="242"/>
                </a:cubicBezTo>
                <a:cubicBezTo>
                  <a:pt x="485" y="109"/>
                  <a:pt x="376" y="0"/>
                  <a:pt x="24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86" name="Google Shape;786;p35"/>
          <p:cNvSpPr/>
          <p:nvPr/>
        </p:nvSpPr>
        <p:spPr>
          <a:xfrm flipH="1">
            <a:off x="11796172" y="6500233"/>
            <a:ext cx="44803" cy="44692"/>
          </a:xfrm>
          <a:custGeom>
            <a:avLst/>
            <a:gdLst/>
            <a:ahLst/>
            <a:cxnLst/>
            <a:rect l="l" t="t" r="r" b="b"/>
            <a:pathLst>
              <a:path w="405" h="404" extrusionOk="0">
                <a:moveTo>
                  <a:pt x="203" y="0"/>
                </a:moveTo>
                <a:cubicBezTo>
                  <a:pt x="91" y="0"/>
                  <a:pt x="1" y="90"/>
                  <a:pt x="1" y="202"/>
                </a:cubicBezTo>
                <a:cubicBezTo>
                  <a:pt x="1" y="314"/>
                  <a:pt x="91" y="404"/>
                  <a:pt x="203" y="404"/>
                </a:cubicBezTo>
                <a:cubicBezTo>
                  <a:pt x="314" y="404"/>
                  <a:pt x="405" y="314"/>
                  <a:pt x="405" y="202"/>
                </a:cubicBezTo>
                <a:cubicBezTo>
                  <a:pt x="405" y="90"/>
                  <a:pt x="314" y="0"/>
                  <a:pt x="20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87" name="Google Shape;787;p35"/>
          <p:cNvSpPr/>
          <p:nvPr/>
        </p:nvSpPr>
        <p:spPr>
          <a:xfrm flipH="1">
            <a:off x="11704023" y="6495697"/>
            <a:ext cx="53541" cy="53652"/>
          </a:xfrm>
          <a:custGeom>
            <a:avLst/>
            <a:gdLst/>
            <a:ahLst/>
            <a:cxnLst/>
            <a:rect l="l" t="t" r="r" b="b"/>
            <a:pathLst>
              <a:path w="484" h="485" extrusionOk="0">
                <a:moveTo>
                  <a:pt x="242" y="80"/>
                </a:moveTo>
                <a:cubicBezTo>
                  <a:pt x="331" y="80"/>
                  <a:pt x="404" y="154"/>
                  <a:pt x="404" y="243"/>
                </a:cubicBezTo>
                <a:cubicBezTo>
                  <a:pt x="404" y="332"/>
                  <a:pt x="331" y="405"/>
                  <a:pt x="242" y="405"/>
                </a:cubicBezTo>
                <a:cubicBezTo>
                  <a:pt x="153" y="405"/>
                  <a:pt x="79" y="332"/>
                  <a:pt x="79" y="243"/>
                </a:cubicBezTo>
                <a:cubicBezTo>
                  <a:pt x="79" y="154"/>
                  <a:pt x="153" y="80"/>
                  <a:pt x="242" y="80"/>
                </a:cubicBezTo>
                <a:close/>
                <a:moveTo>
                  <a:pt x="242" y="1"/>
                </a:moveTo>
                <a:cubicBezTo>
                  <a:pt x="108" y="1"/>
                  <a:pt x="0" y="109"/>
                  <a:pt x="0" y="243"/>
                </a:cubicBezTo>
                <a:cubicBezTo>
                  <a:pt x="0" y="376"/>
                  <a:pt x="108" y="485"/>
                  <a:pt x="242" y="485"/>
                </a:cubicBezTo>
                <a:cubicBezTo>
                  <a:pt x="375" y="485"/>
                  <a:pt x="484" y="376"/>
                  <a:pt x="484" y="243"/>
                </a:cubicBezTo>
                <a:cubicBezTo>
                  <a:pt x="484" y="109"/>
                  <a:pt x="375" y="1"/>
                  <a:pt x="242" y="1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88" name="Google Shape;788;p35"/>
          <p:cNvSpPr/>
          <p:nvPr/>
        </p:nvSpPr>
        <p:spPr>
          <a:xfrm flipH="1">
            <a:off x="11616188" y="6495697"/>
            <a:ext cx="53763" cy="53652"/>
          </a:xfrm>
          <a:custGeom>
            <a:avLst/>
            <a:gdLst/>
            <a:ahLst/>
            <a:cxnLst/>
            <a:rect l="l" t="t" r="r" b="b"/>
            <a:pathLst>
              <a:path w="486" h="485" extrusionOk="0">
                <a:moveTo>
                  <a:pt x="244" y="80"/>
                </a:moveTo>
                <a:cubicBezTo>
                  <a:pt x="333" y="80"/>
                  <a:pt x="405" y="154"/>
                  <a:pt x="405" y="243"/>
                </a:cubicBezTo>
                <a:cubicBezTo>
                  <a:pt x="405" y="332"/>
                  <a:pt x="333" y="405"/>
                  <a:pt x="244" y="405"/>
                </a:cubicBezTo>
                <a:cubicBezTo>
                  <a:pt x="154" y="405"/>
                  <a:pt x="81" y="332"/>
                  <a:pt x="81" y="243"/>
                </a:cubicBezTo>
                <a:cubicBezTo>
                  <a:pt x="81" y="154"/>
                  <a:pt x="154" y="80"/>
                  <a:pt x="244" y="80"/>
                </a:cubicBezTo>
                <a:close/>
                <a:moveTo>
                  <a:pt x="244" y="1"/>
                </a:moveTo>
                <a:cubicBezTo>
                  <a:pt x="110" y="1"/>
                  <a:pt x="1" y="109"/>
                  <a:pt x="1" y="243"/>
                </a:cubicBezTo>
                <a:cubicBezTo>
                  <a:pt x="1" y="376"/>
                  <a:pt x="110" y="485"/>
                  <a:pt x="244" y="485"/>
                </a:cubicBezTo>
                <a:cubicBezTo>
                  <a:pt x="376" y="485"/>
                  <a:pt x="485" y="376"/>
                  <a:pt x="485" y="243"/>
                </a:cubicBezTo>
                <a:cubicBezTo>
                  <a:pt x="485" y="109"/>
                  <a:pt x="376" y="1"/>
                  <a:pt x="244" y="1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89" name="Google Shape;789;p35"/>
          <p:cNvSpPr/>
          <p:nvPr/>
        </p:nvSpPr>
        <p:spPr>
          <a:xfrm flipH="1">
            <a:off x="11532888" y="6500233"/>
            <a:ext cx="44803" cy="44692"/>
          </a:xfrm>
          <a:custGeom>
            <a:avLst/>
            <a:gdLst/>
            <a:ahLst/>
            <a:cxnLst/>
            <a:rect l="l" t="t" r="r" b="b"/>
            <a:pathLst>
              <a:path w="405" h="404" extrusionOk="0">
                <a:moveTo>
                  <a:pt x="202" y="0"/>
                </a:moveTo>
                <a:cubicBezTo>
                  <a:pt x="91" y="0"/>
                  <a:pt x="1" y="90"/>
                  <a:pt x="1" y="202"/>
                </a:cubicBezTo>
                <a:cubicBezTo>
                  <a:pt x="1" y="314"/>
                  <a:pt x="91" y="404"/>
                  <a:pt x="202" y="404"/>
                </a:cubicBezTo>
                <a:cubicBezTo>
                  <a:pt x="314" y="404"/>
                  <a:pt x="404" y="314"/>
                  <a:pt x="404" y="202"/>
                </a:cubicBezTo>
                <a:cubicBezTo>
                  <a:pt x="404" y="90"/>
                  <a:pt x="314" y="0"/>
                  <a:pt x="202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90" name="Google Shape;790;p35"/>
          <p:cNvSpPr/>
          <p:nvPr/>
        </p:nvSpPr>
        <p:spPr>
          <a:xfrm flipH="1">
            <a:off x="11440739" y="6495697"/>
            <a:ext cx="53652" cy="53652"/>
          </a:xfrm>
          <a:custGeom>
            <a:avLst/>
            <a:gdLst/>
            <a:ahLst/>
            <a:cxnLst/>
            <a:rect l="l" t="t" r="r" b="b"/>
            <a:pathLst>
              <a:path w="485" h="485" extrusionOk="0">
                <a:moveTo>
                  <a:pt x="243" y="80"/>
                </a:moveTo>
                <a:cubicBezTo>
                  <a:pt x="332" y="80"/>
                  <a:pt x="405" y="154"/>
                  <a:pt x="405" y="243"/>
                </a:cubicBezTo>
                <a:cubicBezTo>
                  <a:pt x="405" y="332"/>
                  <a:pt x="332" y="405"/>
                  <a:pt x="243" y="405"/>
                </a:cubicBezTo>
                <a:cubicBezTo>
                  <a:pt x="153" y="405"/>
                  <a:pt x="81" y="332"/>
                  <a:pt x="81" y="243"/>
                </a:cubicBezTo>
                <a:cubicBezTo>
                  <a:pt x="81" y="154"/>
                  <a:pt x="153" y="80"/>
                  <a:pt x="243" y="80"/>
                </a:cubicBezTo>
                <a:close/>
                <a:moveTo>
                  <a:pt x="243" y="1"/>
                </a:moveTo>
                <a:cubicBezTo>
                  <a:pt x="109" y="1"/>
                  <a:pt x="0" y="109"/>
                  <a:pt x="0" y="243"/>
                </a:cubicBezTo>
                <a:cubicBezTo>
                  <a:pt x="0" y="376"/>
                  <a:pt x="109" y="485"/>
                  <a:pt x="243" y="485"/>
                </a:cubicBezTo>
                <a:cubicBezTo>
                  <a:pt x="376" y="485"/>
                  <a:pt x="485" y="376"/>
                  <a:pt x="485" y="243"/>
                </a:cubicBezTo>
                <a:cubicBezTo>
                  <a:pt x="485" y="109"/>
                  <a:pt x="376" y="1"/>
                  <a:pt x="243" y="1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91" name="Google Shape;791;p35"/>
          <p:cNvSpPr/>
          <p:nvPr/>
        </p:nvSpPr>
        <p:spPr>
          <a:xfrm flipH="1">
            <a:off x="11357329" y="6500233"/>
            <a:ext cx="44803" cy="44692"/>
          </a:xfrm>
          <a:custGeom>
            <a:avLst/>
            <a:gdLst/>
            <a:ahLst/>
            <a:cxnLst/>
            <a:rect l="l" t="t" r="r" b="b"/>
            <a:pathLst>
              <a:path w="405" h="404" extrusionOk="0">
                <a:moveTo>
                  <a:pt x="202" y="0"/>
                </a:moveTo>
                <a:cubicBezTo>
                  <a:pt x="90" y="0"/>
                  <a:pt x="0" y="90"/>
                  <a:pt x="0" y="202"/>
                </a:cubicBezTo>
                <a:cubicBezTo>
                  <a:pt x="0" y="314"/>
                  <a:pt x="90" y="404"/>
                  <a:pt x="202" y="404"/>
                </a:cubicBezTo>
                <a:cubicBezTo>
                  <a:pt x="314" y="404"/>
                  <a:pt x="404" y="314"/>
                  <a:pt x="404" y="202"/>
                </a:cubicBezTo>
                <a:cubicBezTo>
                  <a:pt x="404" y="90"/>
                  <a:pt x="314" y="0"/>
                  <a:pt x="202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92" name="Google Shape;792;p35"/>
          <p:cNvSpPr/>
          <p:nvPr/>
        </p:nvSpPr>
        <p:spPr>
          <a:xfrm flipH="1">
            <a:off x="9054815" y="5032260"/>
            <a:ext cx="3186173" cy="181312"/>
          </a:xfrm>
          <a:custGeom>
            <a:avLst/>
            <a:gdLst/>
            <a:ahLst/>
            <a:cxnLst/>
            <a:rect l="l" t="t" r="r" b="b"/>
            <a:pathLst>
              <a:path w="28802" h="1639" extrusionOk="0">
                <a:moveTo>
                  <a:pt x="26073" y="0"/>
                </a:moveTo>
                <a:lnTo>
                  <a:pt x="24516" y="1558"/>
                </a:lnTo>
                <a:lnTo>
                  <a:pt x="1" y="1558"/>
                </a:lnTo>
                <a:lnTo>
                  <a:pt x="1" y="1638"/>
                </a:lnTo>
                <a:lnTo>
                  <a:pt x="24549" y="1638"/>
                </a:lnTo>
                <a:lnTo>
                  <a:pt x="26107" y="81"/>
                </a:lnTo>
                <a:lnTo>
                  <a:pt x="28802" y="81"/>
                </a:lnTo>
                <a:lnTo>
                  <a:pt x="28802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793" name="Google Shape;793;p35"/>
          <p:cNvSpPr/>
          <p:nvPr/>
        </p:nvSpPr>
        <p:spPr>
          <a:xfrm flipH="1">
            <a:off x="9344206" y="4892433"/>
            <a:ext cx="2966917" cy="234964"/>
          </a:xfrm>
          <a:custGeom>
            <a:avLst/>
            <a:gdLst/>
            <a:ahLst/>
            <a:cxnLst/>
            <a:rect l="l" t="t" r="r" b="b"/>
            <a:pathLst>
              <a:path w="26820" h="2124" extrusionOk="0">
                <a:moveTo>
                  <a:pt x="26762" y="1"/>
                </a:moveTo>
                <a:lnTo>
                  <a:pt x="24720" y="2043"/>
                </a:lnTo>
                <a:lnTo>
                  <a:pt x="0" y="2043"/>
                </a:lnTo>
                <a:lnTo>
                  <a:pt x="0" y="2123"/>
                </a:lnTo>
                <a:lnTo>
                  <a:pt x="24753" y="2123"/>
                </a:lnTo>
                <a:lnTo>
                  <a:pt x="26819" y="58"/>
                </a:lnTo>
                <a:lnTo>
                  <a:pt x="26762" y="1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121900" tIns="121900" rIns="121900" bIns="121900" anchor="ctr" anchorCtr="0">
            <a:noAutofit/>
          </a:bodyPr>
          <a:lstStyle/>
          <a:p>
            <a:endParaRPr sz="2400"/>
          </a:p>
        </p:txBody>
      </p:sp>
      <p:sp>
        <p:nvSpPr>
          <p:cNvPr id="2" name="Google Shape;443;p40">
            <a:extLst>
              <a:ext uri="{FF2B5EF4-FFF2-40B4-BE49-F238E27FC236}">
                <a16:creationId xmlns:a16="http://schemas.microsoft.com/office/drawing/2014/main" id="{43706361-DA2B-6BE4-78E9-9857D7D27B19}"/>
              </a:ext>
            </a:extLst>
          </p:cNvPr>
          <p:cNvSpPr txBox="1">
            <a:spLocks/>
          </p:cNvSpPr>
          <p:nvPr/>
        </p:nvSpPr>
        <p:spPr>
          <a:xfrm>
            <a:off x="11296567" y="6312003"/>
            <a:ext cx="732367" cy="52493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defPPr>
            <a:lvl1pPr marR="0"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1pPr>
            <a:lvl2pPr marR="0" lvl="1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2pPr>
            <a:lvl3pPr marR="0" lvl="2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3pPr>
            <a:lvl4pPr marR="0" lvl="3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4pPr>
            <a:lvl5pPr marR="0" lvl="4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5pPr>
            <a:lvl6pPr marR="0" lvl="5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6pPr>
            <a:lvl7pPr marR="0" lvl="6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7pPr>
            <a:lvl8pPr marR="0" lvl="7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8pPr>
            <a:lvl9pPr marR="0" lvl="8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300" b="0" i="0" u="none" strike="noStrike" cap="none">
                <a:solidFill>
                  <a:schemeClr val="lt1"/>
                </a:solidFill>
                <a:latin typeface="Lexend Deca"/>
                <a:ea typeface="Lexend Deca"/>
                <a:cs typeface="Lexend Deca"/>
                <a:sym typeface="Lexend Deca"/>
              </a:defRPr>
            </a:lvl9pPr>
          </a:lstStyle>
          <a:p>
            <a:fld id="{00000000-1234-1234-1234-123412341234}" type="slidenum">
              <a:rPr lang="en" sz="1733"/>
              <a:pPr/>
              <a:t>42</a:t>
            </a:fld>
            <a:endParaRPr lang="en" sz="1733"/>
          </a:p>
        </p:txBody>
      </p:sp>
    </p:spTree>
    <p:extLst>
      <p:ext uri="{BB962C8B-B14F-4D97-AF65-F5344CB8AC3E}">
        <p14:creationId xmlns:p14="http://schemas.microsoft.com/office/powerpoint/2010/main" val="37168905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val 9">
            <a:extLst>
              <a:ext uri="{FF2B5EF4-FFF2-40B4-BE49-F238E27FC236}">
                <a16:creationId xmlns:a16="http://schemas.microsoft.com/office/drawing/2014/main" id="{CF6B2B7C-89ED-F540-A64D-0D5E18A71354}"/>
              </a:ext>
            </a:extLst>
          </p:cNvPr>
          <p:cNvSpPr/>
          <p:nvPr/>
        </p:nvSpPr>
        <p:spPr>
          <a:xfrm>
            <a:off x="-1450258" y="-4117255"/>
            <a:ext cx="15092516" cy="15092510"/>
          </a:xfrm>
          <a:prstGeom prst="ellipse">
            <a:avLst/>
          </a:prstGeom>
          <a:noFill/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D6787DAF-363B-FF49-8B5C-94BB07360B4E}"/>
              </a:ext>
            </a:extLst>
          </p:cNvPr>
          <p:cNvSpPr/>
          <p:nvPr/>
        </p:nvSpPr>
        <p:spPr>
          <a:xfrm rot="2314562">
            <a:off x="1496965" y="313773"/>
            <a:ext cx="642321" cy="3943954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A550FAD0-EC64-B541-9FEF-F3F576427C79}"/>
              </a:ext>
            </a:extLst>
          </p:cNvPr>
          <p:cNvSpPr/>
          <p:nvPr/>
        </p:nvSpPr>
        <p:spPr>
          <a:xfrm rot="2314562">
            <a:off x="1384545" y="1613863"/>
            <a:ext cx="642321" cy="4080509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3" name="Rounded Rectangle 22">
            <a:extLst>
              <a:ext uri="{FF2B5EF4-FFF2-40B4-BE49-F238E27FC236}">
                <a16:creationId xmlns:a16="http://schemas.microsoft.com/office/drawing/2014/main" id="{95ACA153-32CF-B343-BD0F-8295EFA0D82C}"/>
              </a:ext>
            </a:extLst>
          </p:cNvPr>
          <p:cNvSpPr/>
          <p:nvPr/>
        </p:nvSpPr>
        <p:spPr>
          <a:xfrm rot="2314562">
            <a:off x="1563665" y="2358741"/>
            <a:ext cx="642321" cy="4513190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4" name="Rounded Rectangle 23">
            <a:extLst>
              <a:ext uri="{FF2B5EF4-FFF2-40B4-BE49-F238E27FC236}">
                <a16:creationId xmlns:a16="http://schemas.microsoft.com/office/drawing/2014/main" id="{4A087067-6FBB-1745-A5D4-628D980A11A2}"/>
              </a:ext>
            </a:extLst>
          </p:cNvPr>
          <p:cNvSpPr/>
          <p:nvPr/>
        </p:nvSpPr>
        <p:spPr>
          <a:xfrm rot="2314562">
            <a:off x="1014528" y="4518245"/>
            <a:ext cx="642321" cy="4019894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1ABBEE1-A4F3-6746-AE3A-4B6E12CE6CA3}"/>
              </a:ext>
            </a:extLst>
          </p:cNvPr>
          <p:cNvSpPr/>
          <p:nvPr/>
        </p:nvSpPr>
        <p:spPr>
          <a:xfrm>
            <a:off x="2201424" y="1030889"/>
            <a:ext cx="7951216" cy="101566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6000" b="1" i="0" u="none" strike="noStrike">
                <a:solidFill>
                  <a:schemeClr val="bg1"/>
                </a:solidFill>
                <a:effectLst/>
                <a:latin typeface="Raleway Black" pitchFamily="2" charset="0"/>
              </a:rPr>
              <a:t>ACKNOWLEDGMENT</a:t>
            </a:r>
            <a:endParaRPr lang="en-LT" sz="6000" b="1" spc="60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itchFamily="2" charset="0"/>
            </a:endParaRPr>
          </a:p>
        </p:txBody>
      </p:sp>
      <p:sp useBgFill="1">
        <p:nvSpPr>
          <p:cNvPr id="26" name="Rounded Rectangle 25">
            <a:extLst>
              <a:ext uri="{FF2B5EF4-FFF2-40B4-BE49-F238E27FC236}">
                <a16:creationId xmlns:a16="http://schemas.microsoft.com/office/drawing/2014/main" id="{79CF8A2E-6CD9-C246-88DB-41410F96B594}"/>
              </a:ext>
            </a:extLst>
          </p:cNvPr>
          <p:cNvSpPr/>
          <p:nvPr/>
        </p:nvSpPr>
        <p:spPr>
          <a:xfrm rot="2314562">
            <a:off x="10002831" y="2171981"/>
            <a:ext cx="642321" cy="3943954"/>
          </a:xfrm>
          <a:prstGeom prst="roundRect">
            <a:avLst>
              <a:gd name="adj" fmla="val 50000"/>
            </a:avLst>
          </a:prstGeom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7" name="Rounded Rectangle 26">
            <a:extLst>
              <a:ext uri="{FF2B5EF4-FFF2-40B4-BE49-F238E27FC236}">
                <a16:creationId xmlns:a16="http://schemas.microsoft.com/office/drawing/2014/main" id="{8BF71943-E162-8646-B793-F730AF1116CA}"/>
              </a:ext>
            </a:extLst>
          </p:cNvPr>
          <p:cNvSpPr/>
          <p:nvPr/>
        </p:nvSpPr>
        <p:spPr>
          <a:xfrm rot="2314562">
            <a:off x="9890411" y="3472071"/>
            <a:ext cx="642321" cy="4080509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8" name="Rounded Rectangle 27">
            <a:extLst>
              <a:ext uri="{FF2B5EF4-FFF2-40B4-BE49-F238E27FC236}">
                <a16:creationId xmlns:a16="http://schemas.microsoft.com/office/drawing/2014/main" id="{FC8B7B47-AD94-0B42-BF9A-FB712535E5D0}"/>
              </a:ext>
            </a:extLst>
          </p:cNvPr>
          <p:cNvSpPr/>
          <p:nvPr/>
        </p:nvSpPr>
        <p:spPr>
          <a:xfrm rot="2314562">
            <a:off x="10069531" y="4216949"/>
            <a:ext cx="642321" cy="4513190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14E00701-098F-CD4F-A308-C7B7ECDFF684}"/>
              </a:ext>
            </a:extLst>
          </p:cNvPr>
          <p:cNvSpPr/>
          <p:nvPr/>
        </p:nvSpPr>
        <p:spPr>
          <a:xfrm rot="2314562">
            <a:off x="9520394" y="6376453"/>
            <a:ext cx="642321" cy="4019894"/>
          </a:xfrm>
          <a:prstGeom prst="roundRect">
            <a:avLst>
              <a:gd name="adj" fmla="val 50000"/>
            </a:avLst>
          </a:prstGeom>
          <a:solidFill>
            <a:schemeClr val="bg2">
              <a:lumMod val="25000"/>
            </a:schemeClr>
          </a:solidFill>
          <a:ln w="762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pic>
        <p:nvPicPr>
          <p:cNvPr id="3" name="Graphic 2" descr="Lights On with solid fill">
            <a:extLst>
              <a:ext uri="{FF2B5EF4-FFF2-40B4-BE49-F238E27FC236}">
                <a16:creationId xmlns:a16="http://schemas.microsoft.com/office/drawing/2014/main" id="{6E588247-8025-6A2D-CB4B-080ADF6D928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372725" y="202858"/>
            <a:ext cx="957737" cy="957737"/>
          </a:xfrm>
          <a:prstGeom prst="rect">
            <a:avLst/>
          </a:prstGeom>
          <a:effectLst>
            <a:outerShdw blurRad="177800" sx="102000" sy="102000" algn="ctr" rotWithShape="0">
              <a:prstClr val="black">
                <a:alpha val="40000"/>
              </a:prstClr>
            </a:outerShdw>
          </a:effec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A9E812E1-7E1D-DC0F-3165-6E91517E1D19}"/>
              </a:ext>
            </a:extLst>
          </p:cNvPr>
          <p:cNvSpPr txBox="1"/>
          <p:nvPr/>
        </p:nvSpPr>
        <p:spPr>
          <a:xfrm>
            <a:off x="889686" y="2859272"/>
            <a:ext cx="7611762" cy="187743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 rtl="0" fontAlgn="base"/>
            <a:r>
              <a:rPr lang="en-US" sz="3200" b="1" i="0" u="none" strike="noStrike">
                <a:solidFill>
                  <a:schemeClr val="bg1"/>
                </a:solidFill>
                <a:effectLst/>
                <a:latin typeface="Aptos" panose="020B0004020202020204" pitchFamily="34" charset="0"/>
              </a:rPr>
              <a:t>WOOT TECH :</a:t>
            </a:r>
            <a:r>
              <a:rPr lang="en-US" sz="3200" b="0" i="0">
                <a:solidFill>
                  <a:schemeClr val="bg1"/>
                </a:solidFill>
                <a:effectLst/>
                <a:latin typeface="Aptos" panose="020B0004020202020204" pitchFamily="34" charset="0"/>
              </a:rPr>
              <a:t>​</a:t>
            </a:r>
            <a:endParaRPr lang="en-US" sz="2800" b="0" i="0">
              <a:solidFill>
                <a:schemeClr val="bg1"/>
              </a:solidFill>
              <a:effectLst/>
              <a:latin typeface="Segoe UI" panose="020B0502040204020203" pitchFamily="34" charset="0"/>
            </a:endParaRPr>
          </a:p>
          <a:p>
            <a:pPr algn="l" rtl="0" fontAlgn="base"/>
            <a:r>
              <a:rPr lang="en-US" sz="2800" b="1" i="0" u="none" strike="noStrike">
                <a:solidFill>
                  <a:schemeClr val="bg1"/>
                </a:solidFill>
                <a:effectLst/>
                <a:latin typeface="Aptos" panose="020B0004020202020204" pitchFamily="34" charset="0"/>
              </a:rPr>
              <a:t>Project Financial and Technical Sponsor</a:t>
            </a:r>
            <a:r>
              <a:rPr lang="en-US" sz="2800" b="0" i="0">
                <a:solidFill>
                  <a:schemeClr val="bg1"/>
                </a:solidFill>
                <a:effectLst/>
                <a:latin typeface="Aptos" panose="020B0004020202020204" pitchFamily="34" charset="0"/>
              </a:rPr>
              <a:t>​</a:t>
            </a:r>
            <a:endParaRPr lang="en-US" sz="2800" b="0" i="0">
              <a:solidFill>
                <a:schemeClr val="bg1"/>
              </a:solidFill>
              <a:effectLst/>
              <a:latin typeface="Segoe UI" panose="020B0502040204020203" pitchFamily="34" charset="0"/>
            </a:endParaRPr>
          </a:p>
          <a:p>
            <a:pPr algn="l" rtl="0" fontAlgn="base"/>
            <a:r>
              <a:rPr lang="en-US" sz="2800" b="1" i="0" u="none" strike="noStrike">
                <a:solidFill>
                  <a:schemeClr val="bg1"/>
                </a:solidFill>
                <a:effectLst/>
                <a:latin typeface="Aptos" panose="020B0004020202020204" pitchFamily="34" charset="0"/>
              </a:rPr>
              <a:t>Industry Advisor: Dr Bilal (Founder/CEO at Woot tech)</a:t>
            </a:r>
            <a:endParaRPr lang="en-US" sz="2800" b="0" i="0">
              <a:solidFill>
                <a:schemeClr val="bg1"/>
              </a:solidFill>
              <a:effectLst/>
              <a:latin typeface="Segoe UI" panose="020B0502040204020203" pitchFamily="34" charset="0"/>
            </a:endParaRPr>
          </a:p>
        </p:txBody>
      </p:sp>
      <p:sp>
        <p:nvSpPr>
          <p:cNvPr id="6" name="Freeform: Shape 5">
            <a:extLst>
              <a:ext uri="{FF2B5EF4-FFF2-40B4-BE49-F238E27FC236}">
                <a16:creationId xmlns:a16="http://schemas.microsoft.com/office/drawing/2014/main" id="{AAC37E93-7C41-4D67-8F77-3ED25184B92A}"/>
              </a:ext>
            </a:extLst>
          </p:cNvPr>
          <p:cNvSpPr/>
          <p:nvPr/>
        </p:nvSpPr>
        <p:spPr>
          <a:xfrm>
            <a:off x="8322522" y="2945037"/>
            <a:ext cx="1946081" cy="3053543"/>
          </a:xfrm>
          <a:custGeom>
            <a:avLst/>
            <a:gdLst>
              <a:gd name="connsiteX0" fmla="*/ 508532 w 3051128"/>
              <a:gd name="connsiteY0" fmla="*/ 0 h 3928849"/>
              <a:gd name="connsiteX1" fmla="*/ 569341 w 3051128"/>
              <a:gd name="connsiteY1" fmla="*/ 0 h 3928849"/>
              <a:gd name="connsiteX2" fmla="*/ 568360 w 3051128"/>
              <a:gd name="connsiteY2" fmla="*/ 6428 h 3928849"/>
              <a:gd name="connsiteX3" fmla="*/ 563340 w 3051128"/>
              <a:gd name="connsiteY3" fmla="*/ 105835 h 3928849"/>
              <a:gd name="connsiteX4" fmla="*/ 1535591 w 3051128"/>
              <a:gd name="connsiteY4" fmla="*/ 1078086 h 3928849"/>
              <a:gd name="connsiteX5" fmla="*/ 2507842 w 3051128"/>
              <a:gd name="connsiteY5" fmla="*/ 105835 h 3928849"/>
              <a:gd name="connsiteX6" fmla="*/ 2502822 w 3051128"/>
              <a:gd name="connsiteY6" fmla="*/ 6428 h 3928849"/>
              <a:gd name="connsiteX7" fmla="*/ 2501841 w 3051128"/>
              <a:gd name="connsiteY7" fmla="*/ 0 h 3928849"/>
              <a:gd name="connsiteX8" fmla="*/ 2542596 w 3051128"/>
              <a:gd name="connsiteY8" fmla="*/ 0 h 3928849"/>
              <a:gd name="connsiteX9" fmla="*/ 3051128 w 3051128"/>
              <a:gd name="connsiteY9" fmla="*/ 508532 h 3928849"/>
              <a:gd name="connsiteX10" fmla="*/ 3051128 w 3051128"/>
              <a:gd name="connsiteY10" fmla="*/ 3420317 h 3928849"/>
              <a:gd name="connsiteX11" fmla="*/ 2542596 w 3051128"/>
              <a:gd name="connsiteY11" fmla="*/ 3928849 h 3928849"/>
              <a:gd name="connsiteX12" fmla="*/ 508532 w 3051128"/>
              <a:gd name="connsiteY12" fmla="*/ 3928849 h 3928849"/>
              <a:gd name="connsiteX13" fmla="*/ 0 w 3051128"/>
              <a:gd name="connsiteY13" fmla="*/ 3420317 h 3928849"/>
              <a:gd name="connsiteX14" fmla="*/ 0 w 3051128"/>
              <a:gd name="connsiteY14" fmla="*/ 508532 h 3928849"/>
              <a:gd name="connsiteX15" fmla="*/ 508532 w 3051128"/>
              <a:gd name="connsiteY15" fmla="*/ 0 h 392884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051128" h="3928849">
                <a:moveTo>
                  <a:pt x="508532" y="0"/>
                </a:moveTo>
                <a:lnTo>
                  <a:pt x="569341" y="0"/>
                </a:lnTo>
                <a:lnTo>
                  <a:pt x="568360" y="6428"/>
                </a:lnTo>
                <a:cubicBezTo>
                  <a:pt x="565041" y="39112"/>
                  <a:pt x="563340" y="72275"/>
                  <a:pt x="563340" y="105835"/>
                </a:cubicBezTo>
                <a:cubicBezTo>
                  <a:pt x="563340" y="642794"/>
                  <a:pt x="998632" y="1078086"/>
                  <a:pt x="1535591" y="1078086"/>
                </a:cubicBezTo>
                <a:cubicBezTo>
                  <a:pt x="2072550" y="1078086"/>
                  <a:pt x="2507842" y="642794"/>
                  <a:pt x="2507842" y="105835"/>
                </a:cubicBezTo>
                <a:cubicBezTo>
                  <a:pt x="2507842" y="72275"/>
                  <a:pt x="2506142" y="39112"/>
                  <a:pt x="2502822" y="6428"/>
                </a:cubicBezTo>
                <a:lnTo>
                  <a:pt x="2501841" y="0"/>
                </a:lnTo>
                <a:lnTo>
                  <a:pt x="2542596" y="0"/>
                </a:lnTo>
                <a:cubicBezTo>
                  <a:pt x="2823450" y="0"/>
                  <a:pt x="3051128" y="227678"/>
                  <a:pt x="3051128" y="508532"/>
                </a:cubicBezTo>
                <a:lnTo>
                  <a:pt x="3051128" y="3420317"/>
                </a:lnTo>
                <a:cubicBezTo>
                  <a:pt x="3051128" y="3701171"/>
                  <a:pt x="2823450" y="3928849"/>
                  <a:pt x="2542596" y="3928849"/>
                </a:cubicBezTo>
                <a:lnTo>
                  <a:pt x="508532" y="3928849"/>
                </a:lnTo>
                <a:cubicBezTo>
                  <a:pt x="227678" y="3928849"/>
                  <a:pt x="0" y="3701171"/>
                  <a:pt x="0" y="3420317"/>
                </a:cubicBezTo>
                <a:lnTo>
                  <a:pt x="0" y="508532"/>
                </a:lnTo>
                <a:cubicBezTo>
                  <a:pt x="0" y="227678"/>
                  <a:pt x="227678" y="0"/>
                  <a:pt x="508532" y="0"/>
                </a:cubicBezTo>
                <a:close/>
              </a:path>
            </a:pathLst>
          </a:custGeom>
          <a:gradFill>
            <a:gsLst>
              <a:gs pos="0">
                <a:schemeClr val="accent1">
                  <a:lumMod val="5000"/>
                  <a:lumOff val="95000"/>
                  <a:alpha val="20000"/>
                </a:schemeClr>
              </a:gs>
              <a:gs pos="100000">
                <a:schemeClr val="accent1">
                  <a:lumMod val="100000"/>
                  <a:alpha val="30000"/>
                </a:schemeClr>
              </a:gs>
              <a:gs pos="100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r>
              <a:rPr lang="en-US">
                <a:latin typeface="Raleway Black" pitchFamily="2" charset="0"/>
              </a:rPr>
              <a:t>DR.BILAL</a:t>
            </a:r>
          </a:p>
          <a:p>
            <a:pPr algn="ctr"/>
            <a:r>
              <a:rPr lang="en-US">
                <a:latin typeface="Raleway Black" pitchFamily="2" charset="0"/>
              </a:rPr>
              <a:t> </a:t>
            </a:r>
          </a:p>
        </p:txBody>
      </p:sp>
      <p:pic>
        <p:nvPicPr>
          <p:cNvPr id="8" name="Picture 10">
            <a:extLst>
              <a:ext uri="{FF2B5EF4-FFF2-40B4-BE49-F238E27FC236}">
                <a16:creationId xmlns:a16="http://schemas.microsoft.com/office/drawing/2014/main" id="{21C3E927-122E-83E7-0A52-B18F2214321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85197" y="5542122"/>
            <a:ext cx="548036" cy="5480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Oval 8">
            <a:extLst>
              <a:ext uri="{FF2B5EF4-FFF2-40B4-BE49-F238E27FC236}">
                <a16:creationId xmlns:a16="http://schemas.microsoft.com/office/drawing/2014/main" id="{100ABCB1-766A-7C73-CB8A-916A1933DD99}"/>
              </a:ext>
            </a:extLst>
          </p:cNvPr>
          <p:cNvSpPr/>
          <p:nvPr/>
        </p:nvSpPr>
        <p:spPr>
          <a:xfrm>
            <a:off x="8734975" y="2355548"/>
            <a:ext cx="1363489" cy="1465009"/>
          </a:xfrm>
          <a:prstGeom prst="ellipse">
            <a:avLst/>
          </a:prstGeom>
          <a:blipFill>
            <a:blip r:embed="rId6"/>
            <a:stretch>
              <a:fillRect t="-1224" b="1224"/>
            </a:stretch>
          </a:blipFill>
          <a:ln w="762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150" name="Picture 6" descr="Woot Tech logo">
            <a:extLst>
              <a:ext uri="{FF2B5EF4-FFF2-40B4-BE49-F238E27FC236}">
                <a16:creationId xmlns:a16="http://schemas.microsoft.com/office/drawing/2014/main" id="{F8813C1C-7F40-5483-0662-78C7FE7DAE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12018" y="4372489"/>
            <a:ext cx="2228850" cy="22383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503B38B-299C-0D47-0354-1DC37C643A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445715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6" presetClass="path" presetSubtype="0" repeatCount="indefinite" accel="50000" decel="50000" autoRev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29167E-6 -3.33333E-6 L 0.04245 -0.09352 " pathEditMode="relative" rAng="0" ptsTypes="AA">
                                      <p:cBhvr>
                                        <p:cTn id="6" dur="3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56" presetClass="path" presetSubtype="0" repeatCount="indefinite" accel="50000" decel="50000" autoRev="1" fill="hold" grpId="0" nodeType="withEffect">
                                  <p:stCondLst>
                                    <p:cond delay="400"/>
                                  </p:stCondLst>
                                  <p:childTnLst>
                                    <p:animMotion origin="layout" path="M 2.5E-6 -3.7037E-7 L 0.04245 -0.09352 " pathEditMode="relative" rAng="0" ptsTypes="AA">
                                      <p:cBhvr>
                                        <p:cTn id="8" dur="3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56" presetClass="path" presetSubtype="0" repeatCount="indefinite" accel="50000" decel="50000" autoRev="1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animMotion origin="layout" path="M -1.04167E-6 3.33333E-6 L 0.04245 -0.09352 " pathEditMode="relative" rAng="0" ptsTypes="AA">
                                      <p:cBhvr>
                                        <p:cTn id="10" dur="3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56" presetClass="path" presetSubtype="0" repeatCount="indefinite" accel="50000" decel="50000" autoRev="1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animMotion origin="layout" path="M 1.04167E-6 -1.85185E-6 L 0.04245 -0.09352 " pathEditMode="relative" rAng="0" ptsTypes="AA">
                                      <p:cBhvr>
                                        <p:cTn id="12" dur="3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3" presetID="56" presetClass="path" presetSubtype="0" repeatCount="indefinite" accel="50000" decel="50000" autoRev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29167E-6 -3.33333E-6 L 0.04245 -0.09352 " pathEditMode="relative" rAng="0" ptsTypes="AA">
                                      <p:cBhvr>
                                        <p:cTn id="14" dur="3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5" presetID="56" presetClass="path" presetSubtype="0" repeatCount="indefinite" accel="50000" decel="50000" autoRev="1" fill="hold" grpId="0" nodeType="withEffect">
                                  <p:stCondLst>
                                    <p:cond delay="400"/>
                                  </p:stCondLst>
                                  <p:childTnLst>
                                    <p:animMotion origin="layout" path="M 2.5E-6 -3.7037E-7 L 0.04245 -0.09352 " pathEditMode="relative" rAng="0" ptsTypes="AA">
                                      <p:cBhvr>
                                        <p:cTn id="16" dur="3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7" presetID="56" presetClass="path" presetSubtype="0" repeatCount="indefinite" accel="50000" decel="50000" autoRev="1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animMotion origin="layout" path="M -1.04167E-6 3.33333E-6 L 0.04245 -0.09352 " pathEditMode="relative" rAng="0" ptsTypes="AA">
                                      <p:cBhvr>
                                        <p:cTn id="18" dur="3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  <p:par>
                                <p:cTn id="19" presetID="56" presetClass="path" presetSubtype="0" repeatCount="indefinite" accel="50000" decel="50000" autoRev="1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animMotion origin="layout" path="M 1.04167E-6 -1.85185E-6 L 0.04245 -0.09352 " pathEditMode="relative" rAng="0" ptsTypes="AA">
                                      <p:cBhvr>
                                        <p:cTn id="20" dur="3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-4676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32" presetClass="emph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Rot by="120000">
                                      <p:cBhvr>
                                        <p:cTn id="33" dur="1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34" dur="200" fill="hold">
                                          <p:stCondLst>
                                            <p:cond delay="20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35" dur="200" fill="hold">
                                          <p:stCondLst>
                                            <p:cond delay="40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36" dur="200" fill="hold">
                                          <p:stCondLst>
                                            <p:cond delay="60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37" dur="200" fill="hold">
                                          <p:stCondLst>
                                            <p:cond delay="80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61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32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Rot by="120000">
                                      <p:cBhvr>
                                        <p:cTn id="46" dur="1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50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47" dur="200" fill="hold">
                                          <p:stCondLst>
                                            <p:cond delay="200"/>
                                          </p:stCondLst>
                                        </p:cTn>
                                        <p:tgtEl>
                                          <p:spTgt spid="6150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48" dur="200" fill="hold">
                                          <p:stCondLst>
                                            <p:cond delay="400"/>
                                          </p:stCondLst>
                                        </p:cTn>
                                        <p:tgtEl>
                                          <p:spTgt spid="6150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49" dur="200" fill="hold">
                                          <p:stCondLst>
                                            <p:cond delay="600"/>
                                          </p:stCondLst>
                                        </p:cTn>
                                        <p:tgtEl>
                                          <p:spTgt spid="6150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50" dur="200" fill="hold">
                                          <p:stCondLst>
                                            <p:cond delay="800"/>
                                          </p:stCondLst>
                                        </p:cTn>
                                        <p:tgtEl>
                                          <p:spTgt spid="6150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2" grpId="0" animBg="1"/>
      <p:bldP spid="23" grpId="0" animBg="1"/>
      <p:bldP spid="24" grpId="0" animBg="1"/>
      <p:bldP spid="26" grpId="0" animBg="1"/>
      <p:bldP spid="27" grpId="0" animBg="1"/>
      <p:bldP spid="28" grpId="0" animBg="1"/>
      <p:bldP spid="29" grpId="0" animBg="1"/>
      <p:bldP spid="6" grpId="0" animBg="1"/>
      <p:bldP spid="9" grpId="0" animBg="1"/>
      <p:bldP spid="9" grpId="1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8A42B65-566C-0A41-B8C2-5032B07BD196}"/>
              </a:ext>
            </a:extLst>
          </p:cNvPr>
          <p:cNvSpPr/>
          <p:nvPr/>
        </p:nvSpPr>
        <p:spPr>
          <a:xfrm>
            <a:off x="2869580" y="0"/>
            <a:ext cx="6452840" cy="6452838"/>
          </a:xfrm>
          <a:prstGeom prst="ellipse">
            <a:avLst/>
          </a:prstGeom>
          <a:solidFill>
            <a:srgbClr val="12231D">
              <a:alpha val="40000"/>
            </a:srgbClr>
          </a:solidFill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674933B-DF67-D14D-ACC6-194EA400210B}"/>
              </a:ext>
            </a:extLst>
          </p:cNvPr>
          <p:cNvSpPr/>
          <p:nvPr/>
        </p:nvSpPr>
        <p:spPr>
          <a:xfrm>
            <a:off x="1660341" y="2274838"/>
            <a:ext cx="8871318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0" b="1" i="0" u="none" strike="noStrike" kern="1200" cap="none" spc="-150" normalizeH="0" baseline="0" noProof="0">
                <a:ln>
                  <a:noFill/>
                </a:ln>
                <a:solidFill>
                  <a:srgbClr val="FFFFFF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uLnTx/>
                <a:uFillTx/>
                <a:latin typeface="Raleway Black" panose="020B0503030101060003" pitchFamily="34" charset="77"/>
                <a:ea typeface="+mn-ea"/>
                <a:cs typeface="+mn-cs"/>
              </a:rPr>
              <a:t>PROBLEM  STATEMENT</a:t>
            </a:r>
            <a:endParaRPr kumimoji="0" lang="en-LT" sz="7000" b="1" i="0" u="none" strike="noStrike" kern="1200" cap="none" spc="-150" normalizeH="0" baseline="0" noProof="0">
              <a:ln>
                <a:noFill/>
              </a:ln>
              <a:solidFill>
                <a:srgbClr val="FFFFFF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uLnTx/>
              <a:uFillTx/>
              <a:latin typeface="Raleway Black" panose="020B0503030101060003" pitchFamily="34" charset="77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73AEE7D-6E05-3082-74C2-BDCD6428D5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7597831"/>
      </p:ext>
    </p:extLst>
  </p:cSld>
  <p:clrMapOvr>
    <a:masterClrMapping/>
  </p:clrMapOvr>
  <p:transition spd="slow" advTm="0"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B8A42B65-566C-0A41-B8C2-5032B07BD196}"/>
              </a:ext>
            </a:extLst>
          </p:cNvPr>
          <p:cNvSpPr/>
          <p:nvPr/>
        </p:nvSpPr>
        <p:spPr>
          <a:xfrm>
            <a:off x="-1364972" y="-4031970"/>
            <a:ext cx="14921946" cy="14921942"/>
          </a:xfrm>
          <a:prstGeom prst="ellipse">
            <a:avLst/>
          </a:prstGeom>
          <a:noFill/>
          <a:ln w="1270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LT" sz="8000" b="1" spc="-150">
              <a:latin typeface="Raleway" panose="020B0503030101060003" pitchFamily="34" charset="77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6BA49A1-C4F8-6543-8240-061A4699B32F}"/>
              </a:ext>
            </a:extLst>
          </p:cNvPr>
          <p:cNvSpPr/>
          <p:nvPr/>
        </p:nvSpPr>
        <p:spPr>
          <a:xfrm>
            <a:off x="2366458" y="1834088"/>
            <a:ext cx="7459093" cy="92333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5400" b="1" spc="-15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PROBLEM STATEMENT</a:t>
            </a:r>
            <a:endParaRPr lang="en-LT" sz="5400" b="1" spc="-15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anose="020B0503030101060003" pitchFamily="34" charset="77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0CE686A0-D3CF-4B45-AB0E-0CEACD1B22AE}"/>
              </a:ext>
            </a:extLst>
          </p:cNvPr>
          <p:cNvSpPr/>
          <p:nvPr/>
        </p:nvSpPr>
        <p:spPr>
          <a:xfrm>
            <a:off x="3039890" y="3648180"/>
            <a:ext cx="6029092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en-US" sz="1800" b="1" i="0" u="none" strike="noStrike">
                <a:solidFill>
                  <a:schemeClr val="bg1"/>
                </a:solidFill>
                <a:effectLst/>
                <a:latin typeface="Arial" panose="020B0604020202020204" pitchFamily="34" charset="0"/>
              </a:rPr>
              <a:t>Woot Tech</a:t>
            </a:r>
            <a:r>
              <a:rPr lang="en-US" sz="1800" b="0" i="0" u="none" strike="noStrike">
                <a:solidFill>
                  <a:schemeClr val="bg1"/>
                </a:solidFill>
                <a:effectLst/>
                <a:latin typeface="Arial" panose="020B0604020202020204" pitchFamily="34" charset="0"/>
              </a:rPr>
              <a:t>, a leader in UAV systems for military and defense, aims to integrate UAVs with unmanned ground, and surface vehicles (UGVs/USVs). The goal is to create a unified, human-in-the-loop mission system that combines various autonomous vehicles.</a:t>
            </a:r>
            <a:r>
              <a:rPr lang="en-US" sz="1800" b="0" i="0">
                <a:solidFill>
                  <a:schemeClr val="bg1"/>
                </a:solidFill>
                <a:effectLst/>
                <a:latin typeface="Arial" panose="020B0604020202020204" pitchFamily="34" charset="0"/>
              </a:rPr>
              <a:t>​</a:t>
            </a:r>
            <a:endParaRPr lang="en-LT" sz="1200" spc="300">
              <a:solidFill>
                <a:schemeClr val="bg1"/>
              </a:solidFill>
              <a:latin typeface="Raleway" panose="020B0503030101060003" pitchFamily="34" charset="77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55C861A1-5041-FA48-9C08-E00E83BF7177}"/>
              </a:ext>
            </a:extLst>
          </p:cNvPr>
          <p:cNvSpPr/>
          <p:nvPr/>
        </p:nvSpPr>
        <p:spPr>
          <a:xfrm>
            <a:off x="9311270" y="3824867"/>
            <a:ext cx="602166" cy="3033133"/>
          </a:xfrm>
          <a:prstGeom prst="rect">
            <a:avLst/>
          </a:prstGeom>
          <a:solidFill>
            <a:schemeClr val="bg2">
              <a:lumMod val="2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A5D6F6DD-4828-4A4E-9336-6CCFE09E4AFE}"/>
              </a:ext>
            </a:extLst>
          </p:cNvPr>
          <p:cNvSpPr/>
          <p:nvPr/>
        </p:nvSpPr>
        <p:spPr>
          <a:xfrm>
            <a:off x="10120433" y="3824867"/>
            <a:ext cx="602166" cy="3033133"/>
          </a:xfrm>
          <a:prstGeom prst="rect">
            <a:avLst/>
          </a:prstGeom>
          <a:solidFill>
            <a:schemeClr val="bg2">
              <a:lumMod val="2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9FE9B72F-DF87-5F4E-B684-D0770028819B}"/>
              </a:ext>
            </a:extLst>
          </p:cNvPr>
          <p:cNvSpPr/>
          <p:nvPr/>
        </p:nvSpPr>
        <p:spPr>
          <a:xfrm>
            <a:off x="10912521" y="3824867"/>
            <a:ext cx="602166" cy="3033133"/>
          </a:xfrm>
          <a:prstGeom prst="rect">
            <a:avLst/>
          </a:prstGeom>
          <a:solidFill>
            <a:schemeClr val="bg2">
              <a:lumMod val="2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AE454DD4-D90A-704B-ABC6-4575E360C82E}"/>
              </a:ext>
            </a:extLst>
          </p:cNvPr>
          <p:cNvSpPr/>
          <p:nvPr/>
        </p:nvSpPr>
        <p:spPr>
          <a:xfrm>
            <a:off x="534309" y="3824867"/>
            <a:ext cx="602166" cy="3033133"/>
          </a:xfrm>
          <a:prstGeom prst="rect">
            <a:avLst/>
          </a:prstGeom>
          <a:solidFill>
            <a:schemeClr val="bg2">
              <a:lumMod val="2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A68481F1-4643-EF42-A9CE-7AE30251B04D}"/>
              </a:ext>
            </a:extLst>
          </p:cNvPr>
          <p:cNvSpPr/>
          <p:nvPr/>
        </p:nvSpPr>
        <p:spPr>
          <a:xfrm>
            <a:off x="1343472" y="3824867"/>
            <a:ext cx="602166" cy="3033133"/>
          </a:xfrm>
          <a:prstGeom prst="rect">
            <a:avLst/>
          </a:prstGeom>
          <a:solidFill>
            <a:schemeClr val="bg2">
              <a:lumMod val="2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4B79AB2B-D9AB-BB40-95B4-1E83C4B41C2F}"/>
              </a:ext>
            </a:extLst>
          </p:cNvPr>
          <p:cNvSpPr/>
          <p:nvPr/>
        </p:nvSpPr>
        <p:spPr>
          <a:xfrm>
            <a:off x="2135560" y="3824867"/>
            <a:ext cx="602166" cy="3033133"/>
          </a:xfrm>
          <a:prstGeom prst="rect">
            <a:avLst/>
          </a:prstGeom>
          <a:solidFill>
            <a:schemeClr val="bg2">
              <a:lumMod val="25000"/>
            </a:schemeClr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LT"/>
          </a:p>
        </p:txBody>
      </p:sp>
      <p:pic>
        <p:nvPicPr>
          <p:cNvPr id="8194" name="Picture 2">
            <a:extLst>
              <a:ext uri="{FF2B5EF4-FFF2-40B4-BE49-F238E27FC236}">
                <a16:creationId xmlns:a16="http://schemas.microsoft.com/office/drawing/2014/main" id="{B1838DAA-FEDA-E9D9-8CCA-D8D1485282A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alphaModFix amt="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1672" y="3341542"/>
            <a:ext cx="2697923" cy="26020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75CF37-20AB-D2E4-2E61-760F0615C8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187232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repeatCount="indefinite" accel="50000" decel="50000" autoRev="1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animScale>
                                      <p:cBhvr>
                                        <p:cTn id="6" dur="1500" fill="hold"/>
                                        <p:tgtEl>
                                          <p:spTgt spid="8"/>
                                        </p:tgtEl>
                                      </p:cBhvr>
                                      <p:by x="100000" y="125000"/>
                                    </p:animScale>
                                  </p:childTnLst>
                                </p:cTn>
                              </p:par>
                              <p:par>
                                <p:cTn id="7" presetID="42" presetClass="path" presetSubtype="0" repeatCount="indefinite" accel="50000" decel="50000" autoRev="1" fill="hold" grpId="1" nodeType="withEffect">
                                  <p:stCondLst>
                                    <p:cond delay="1200"/>
                                  </p:stCondLst>
                                  <p:childTnLst>
                                    <p:animMotion origin="layout" path="M -1.45833E-6 -3.7037E-6 L -1.45833E-6 -0.05532 " pathEditMode="relative" rAng="0" ptsTypes="AA">
                                      <p:cBhvr>
                                        <p:cTn id="8" dur="1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778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6" presetClass="emph" presetSubtype="0" repeatCount="indefinite" accel="50000" decel="50000" autoRev="1" fill="hold" grpId="0" nodeType="withEffect">
                                  <p:stCondLst>
                                    <p:cond delay="1600"/>
                                  </p:stCondLst>
                                  <p:childTnLst>
                                    <p:animScale>
                                      <p:cBhvr>
                                        <p:cTn id="10" dur="1500" fill="hold"/>
                                        <p:tgtEl>
                                          <p:spTgt spid="18"/>
                                        </p:tgtEl>
                                      </p:cBhvr>
                                      <p:by x="100000" y="125000"/>
                                    </p:animScale>
                                  </p:childTnLst>
                                </p:cTn>
                              </p:par>
                              <p:par>
                                <p:cTn id="11" presetID="42" presetClass="path" presetSubtype="0" repeatCount="indefinite" accel="50000" decel="50000" autoRev="1" fill="hold" grpId="1" nodeType="withEffect">
                                  <p:stCondLst>
                                    <p:cond delay="1600"/>
                                  </p:stCondLst>
                                  <p:childTnLst>
                                    <p:animMotion origin="layout" path="M 2.5E-6 -3.7037E-6 L 2.5E-6 -0.05532 " pathEditMode="relative" rAng="0" ptsTypes="AA">
                                      <p:cBhvr>
                                        <p:cTn id="12" dur="1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778"/>
                                    </p:animMotion>
                                  </p:childTnLst>
                                </p:cTn>
                              </p:par>
                              <p:par>
                                <p:cTn id="13" presetID="6" presetClass="emph" presetSubtype="0" repeatCount="indefinite" accel="50000" decel="50000" autoRev="1" fill="hold" grpId="0" nodeType="withEffect">
                                  <p:stCondLst>
                                    <p:cond delay="2000"/>
                                  </p:stCondLst>
                                  <p:childTnLst>
                                    <p:animScale>
                                      <p:cBhvr>
                                        <p:cTn id="14" dur="1500" fill="hold"/>
                                        <p:tgtEl>
                                          <p:spTgt spid="19"/>
                                        </p:tgtEl>
                                      </p:cBhvr>
                                      <p:by x="100000" y="125000"/>
                                    </p:animScale>
                                  </p:childTnLst>
                                </p:cTn>
                              </p:par>
                              <p:par>
                                <p:cTn id="15" presetID="42" presetClass="path" presetSubtype="0" repeatCount="indefinite" accel="50000" decel="50000" autoRev="1" fill="hold" grpId="1" nodeType="withEffect">
                                  <p:stCondLst>
                                    <p:cond delay="2000"/>
                                  </p:stCondLst>
                                  <p:childTnLst>
                                    <p:animMotion origin="layout" path="M -1.45833E-6 -3.7037E-6 L -1.45833E-6 -0.05532 " pathEditMode="relative" rAng="0" ptsTypes="AA">
                                      <p:cBhvr>
                                        <p:cTn id="16" dur="1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778"/>
                                    </p:animMotion>
                                  </p:childTnLst>
                                </p:cTn>
                              </p:par>
                              <p:par>
                                <p:cTn id="17" presetID="6" presetClass="emph" presetSubtype="0" repeatCount="indefinite" accel="50000" decel="50000" autoRev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18" dur="1500" fill="hold"/>
                                        <p:tgtEl>
                                          <p:spTgt spid="20"/>
                                        </p:tgtEl>
                                      </p:cBhvr>
                                      <p:by x="100000" y="125000"/>
                                    </p:animScale>
                                  </p:childTnLst>
                                </p:cTn>
                              </p:par>
                              <p:par>
                                <p:cTn id="19" presetID="42" presetClass="path" presetSubtype="0" repeatCount="indefinite" accel="50000" decel="50000" autoRev="1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4.16667E-7 -3.7037E-6 L 4.16667E-7 -0.05532 " pathEditMode="relative" rAng="0" ptsTypes="AA">
                                      <p:cBhvr>
                                        <p:cTn id="20" dur="1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778"/>
                                    </p:animMotion>
                                  </p:childTnLst>
                                </p:cTn>
                              </p:par>
                              <p:par>
                                <p:cTn id="21" presetID="6" presetClass="emph" presetSubtype="0" repeatCount="indefinite" accel="50000" decel="50000" autoRev="1" fill="hold" grpId="0" nodeType="withEffect">
                                  <p:stCondLst>
                                    <p:cond delay="400"/>
                                  </p:stCondLst>
                                  <p:childTnLst>
                                    <p:animScale>
                                      <p:cBhvr>
                                        <p:cTn id="22" dur="1500" fill="hold"/>
                                        <p:tgtEl>
                                          <p:spTgt spid="21"/>
                                        </p:tgtEl>
                                      </p:cBhvr>
                                      <p:by x="100000" y="125000"/>
                                    </p:animScale>
                                  </p:childTnLst>
                                </p:cTn>
                              </p:par>
                              <p:par>
                                <p:cTn id="23" presetID="42" presetClass="path" presetSubtype="0" repeatCount="indefinite" accel="50000" decel="50000" autoRev="1" fill="hold" grpId="1" nodeType="withEffect">
                                  <p:stCondLst>
                                    <p:cond delay="400"/>
                                  </p:stCondLst>
                                  <p:childTnLst>
                                    <p:animMotion origin="layout" path="M 4.16667E-6 -3.7037E-6 L 4.16667E-6 -0.05532 " pathEditMode="relative" rAng="0" ptsTypes="AA">
                                      <p:cBhvr>
                                        <p:cTn id="24" dur="1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778"/>
                                    </p:animMotion>
                                  </p:childTnLst>
                                </p:cTn>
                              </p:par>
                              <p:par>
                                <p:cTn id="25" presetID="6" presetClass="emph" presetSubtype="0" repeatCount="indefinite" accel="50000" decel="50000" autoRev="1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animScale>
                                      <p:cBhvr>
                                        <p:cTn id="26" dur="1500" fill="hold"/>
                                        <p:tgtEl>
                                          <p:spTgt spid="22"/>
                                        </p:tgtEl>
                                      </p:cBhvr>
                                      <p:by x="100000" y="125000"/>
                                    </p:animScale>
                                  </p:childTnLst>
                                </p:cTn>
                              </p:par>
                              <p:par>
                                <p:cTn id="27" presetID="42" presetClass="path" presetSubtype="0" repeatCount="indefinite" accel="50000" decel="50000" autoRev="1" fill="hold" grpId="1" nodeType="withEffect">
                                  <p:stCondLst>
                                    <p:cond delay="800"/>
                                  </p:stCondLst>
                                  <p:childTnLst>
                                    <p:animMotion origin="layout" path="M 2.08333E-7 -3.7037E-6 L 2.08333E-7 -0.05532 " pathEditMode="relative" rAng="0" ptsTypes="AA">
                                      <p:cBhvr>
                                        <p:cTn id="28" dur="1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778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8" grpId="1" animBg="1"/>
      <p:bldP spid="18" grpId="0" animBg="1"/>
      <p:bldP spid="18" grpId="1" animBg="1"/>
      <p:bldP spid="19" grpId="0" animBg="1"/>
      <p:bldP spid="19" grpId="1" animBg="1"/>
      <p:bldP spid="20" grpId="0" animBg="1"/>
      <p:bldP spid="20" grpId="1" animBg="1"/>
      <p:bldP spid="21" grpId="0" animBg="1"/>
      <p:bldP spid="21" grpId="1" animBg="1"/>
      <p:bldP spid="22" grpId="0" animBg="1"/>
      <p:bldP spid="22" grpId="1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707167AF-15CB-0C0B-C1E9-2C85659957C9}"/>
              </a:ext>
            </a:extLst>
          </p:cNvPr>
          <p:cNvSpPr/>
          <p:nvPr/>
        </p:nvSpPr>
        <p:spPr>
          <a:xfrm>
            <a:off x="324844" y="2563127"/>
            <a:ext cx="11506676" cy="110799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6600" b="1" spc="60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Raleway Black" panose="020B0503030101060003" pitchFamily="34" charset="77"/>
              </a:rPr>
              <a:t>MILITARY APPLICATION</a:t>
            </a:r>
            <a:endParaRPr lang="en-LT" sz="6600" b="1" spc="600">
              <a:solidFill>
                <a:schemeClr val="bg1"/>
              </a:solidFill>
              <a:effectLst>
                <a:outerShdw blurRad="419100" sx="102000" sy="102000" algn="ctr" rotWithShape="0">
                  <a:prstClr val="black">
                    <a:alpha val="29000"/>
                  </a:prstClr>
                </a:outerShdw>
              </a:effectLst>
              <a:latin typeface="Raleway Black" panose="020B0503030101060003" pitchFamily="34" charset="77"/>
            </a:endParaRPr>
          </a:p>
        </p:txBody>
      </p:sp>
      <p:pic>
        <p:nvPicPr>
          <p:cNvPr id="4" name="Graphic 3" descr="Soldier female with solid fill">
            <a:extLst>
              <a:ext uri="{FF2B5EF4-FFF2-40B4-BE49-F238E27FC236}">
                <a16:creationId xmlns:a16="http://schemas.microsoft.com/office/drawing/2014/main" id="{CA94518C-29FD-465A-94CA-61A5F03F63B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773825" y="401593"/>
            <a:ext cx="1948249" cy="1948249"/>
          </a:xfrm>
          <a:prstGeom prst="rect">
            <a:avLst/>
          </a:prstGeom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D27E2C5-DC33-9D19-1726-970B440C70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409803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42" name="Rectangle 1041">
            <a:extLst>
              <a:ext uri="{FF2B5EF4-FFF2-40B4-BE49-F238E27FC236}">
                <a16:creationId xmlns:a16="http://schemas.microsoft.com/office/drawing/2014/main" id="{489B7BFD-8F45-4093-AD9C-91B15B0503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6D147403-86E3-BEFA-11BF-9E50CA554793}"/>
              </a:ext>
            </a:extLst>
          </p:cNvPr>
          <p:cNvSpPr/>
          <p:nvPr/>
        </p:nvSpPr>
        <p:spPr>
          <a:xfrm>
            <a:off x="266079" y="407476"/>
            <a:ext cx="5142419" cy="3845891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400" b="1" kern="1200" spc="600">
                <a:solidFill>
                  <a:schemeClr val="bg1"/>
                </a:solidFill>
                <a:effectLst>
                  <a:outerShdw blurRad="419100" sx="102000" sy="102000" algn="ctr" rotWithShape="0">
                    <a:prstClr val="black">
                      <a:alpha val="29000"/>
                    </a:prstClr>
                  </a:outerShdw>
                </a:effectLst>
                <a:latin typeface="+mj-lt"/>
                <a:ea typeface="+mj-ea"/>
                <a:cs typeface="+mj-cs"/>
              </a:rPr>
              <a:t>LAUNCHING AND LANDING DRONES AUTONOMOUSLY.​</a:t>
            </a:r>
          </a:p>
        </p:txBody>
      </p:sp>
      <p:grpSp>
        <p:nvGrpSpPr>
          <p:cNvPr id="1044" name="Graphic 190">
            <a:extLst>
              <a:ext uri="{FF2B5EF4-FFF2-40B4-BE49-F238E27FC236}">
                <a16:creationId xmlns:a16="http://schemas.microsoft.com/office/drawing/2014/main" id="{66FB5A75-BDE2-4F12-A95B-C48788A7685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5506892" y="1852902"/>
            <a:ext cx="1716356" cy="570346"/>
            <a:chOff x="2504802" y="1755501"/>
            <a:chExt cx="1598829" cy="531293"/>
          </a:xfrm>
          <a:solidFill>
            <a:schemeClr val="bg1"/>
          </a:solidFill>
        </p:grpSpPr>
        <p:sp>
          <p:nvSpPr>
            <p:cNvPr id="1045" name="Freeform: Shape 1044">
              <a:extLst>
                <a:ext uri="{FF2B5EF4-FFF2-40B4-BE49-F238E27FC236}">
                  <a16:creationId xmlns:a16="http://schemas.microsoft.com/office/drawing/2014/main" id="{DC86CBC8-A814-4C0C-A287-7C549693D2E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2504802" y="2113855"/>
              <a:ext cx="1598614" cy="172939"/>
            </a:xfrm>
            <a:custGeom>
              <a:avLst/>
              <a:gdLst>
                <a:gd name="connsiteX0" fmla="*/ 1248648 w 1598614"/>
                <a:gd name="connsiteY0" fmla="*/ 172939 h 172939"/>
                <a:gd name="connsiteX1" fmla="*/ 1123031 w 1598614"/>
                <a:gd name="connsiteY1" fmla="*/ 92708 h 172939"/>
                <a:gd name="connsiteX2" fmla="*/ 1024085 w 1598614"/>
                <a:gd name="connsiteY2" fmla="*/ 29469 h 172939"/>
                <a:gd name="connsiteX3" fmla="*/ 925140 w 1598614"/>
                <a:gd name="connsiteY3" fmla="*/ 92708 h 172939"/>
                <a:gd name="connsiteX4" fmla="*/ 799522 w 1598614"/>
                <a:gd name="connsiteY4" fmla="*/ 172939 h 172939"/>
                <a:gd name="connsiteX5" fmla="*/ 799522 w 1598614"/>
                <a:gd name="connsiteY5" fmla="*/ 172939 h 172939"/>
                <a:gd name="connsiteX6" fmla="*/ 673905 w 1598614"/>
                <a:gd name="connsiteY6" fmla="*/ 92708 h 172939"/>
                <a:gd name="connsiteX7" fmla="*/ 574959 w 1598614"/>
                <a:gd name="connsiteY7" fmla="*/ 29469 h 172939"/>
                <a:gd name="connsiteX8" fmla="*/ 476014 w 1598614"/>
                <a:gd name="connsiteY8" fmla="*/ 92708 h 172939"/>
                <a:gd name="connsiteX9" fmla="*/ 350396 w 1598614"/>
                <a:gd name="connsiteY9" fmla="*/ 172939 h 172939"/>
                <a:gd name="connsiteX10" fmla="*/ 224778 w 1598614"/>
                <a:gd name="connsiteY10" fmla="*/ 92708 h 172939"/>
                <a:gd name="connsiteX11" fmla="*/ 125833 w 1598614"/>
                <a:gd name="connsiteY11" fmla="*/ 29469 h 172939"/>
                <a:gd name="connsiteX12" fmla="*/ 26887 w 1598614"/>
                <a:gd name="connsiteY12" fmla="*/ 92708 h 172939"/>
                <a:gd name="connsiteX13" fmla="*/ 0 w 1598614"/>
                <a:gd name="connsiteY13" fmla="*/ 80232 h 172939"/>
                <a:gd name="connsiteX14" fmla="*/ 125618 w 1598614"/>
                <a:gd name="connsiteY14" fmla="*/ 0 h 172939"/>
                <a:gd name="connsiteX15" fmla="*/ 251235 w 1598614"/>
                <a:gd name="connsiteY15" fmla="*/ 80232 h 172939"/>
                <a:gd name="connsiteX16" fmla="*/ 350181 w 1598614"/>
                <a:gd name="connsiteY16" fmla="*/ 143471 h 172939"/>
                <a:gd name="connsiteX17" fmla="*/ 449126 w 1598614"/>
                <a:gd name="connsiteY17" fmla="*/ 80232 h 172939"/>
                <a:gd name="connsiteX18" fmla="*/ 574744 w 1598614"/>
                <a:gd name="connsiteY18" fmla="*/ 0 h 172939"/>
                <a:gd name="connsiteX19" fmla="*/ 700362 w 1598614"/>
                <a:gd name="connsiteY19" fmla="*/ 80232 h 172939"/>
                <a:gd name="connsiteX20" fmla="*/ 799307 w 1598614"/>
                <a:gd name="connsiteY20" fmla="*/ 143471 h 172939"/>
                <a:gd name="connsiteX21" fmla="*/ 799307 w 1598614"/>
                <a:gd name="connsiteY21" fmla="*/ 143471 h 172939"/>
                <a:gd name="connsiteX22" fmla="*/ 898253 w 1598614"/>
                <a:gd name="connsiteY22" fmla="*/ 80232 h 172939"/>
                <a:gd name="connsiteX23" fmla="*/ 1023870 w 1598614"/>
                <a:gd name="connsiteY23" fmla="*/ 0 h 172939"/>
                <a:gd name="connsiteX24" fmla="*/ 1149488 w 1598614"/>
                <a:gd name="connsiteY24" fmla="*/ 80232 h 172939"/>
                <a:gd name="connsiteX25" fmla="*/ 1248433 w 1598614"/>
                <a:gd name="connsiteY25" fmla="*/ 143471 h 172939"/>
                <a:gd name="connsiteX26" fmla="*/ 1347379 w 1598614"/>
                <a:gd name="connsiteY26" fmla="*/ 80232 h 172939"/>
                <a:gd name="connsiteX27" fmla="*/ 1472997 w 1598614"/>
                <a:gd name="connsiteY27" fmla="*/ 0 h 172939"/>
                <a:gd name="connsiteX28" fmla="*/ 1598614 w 1598614"/>
                <a:gd name="connsiteY28" fmla="*/ 80232 h 172939"/>
                <a:gd name="connsiteX29" fmla="*/ 1571942 w 1598614"/>
                <a:gd name="connsiteY29" fmla="*/ 92708 h 172939"/>
                <a:gd name="connsiteX30" fmla="*/ 1472997 w 1598614"/>
                <a:gd name="connsiteY30" fmla="*/ 29469 h 172939"/>
                <a:gd name="connsiteX31" fmla="*/ 1374051 w 1598614"/>
                <a:gd name="connsiteY31" fmla="*/ 92708 h 172939"/>
                <a:gd name="connsiteX32" fmla="*/ 1248648 w 1598614"/>
                <a:gd name="connsiteY32" fmla="*/ 172939 h 1729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598614" h="172939">
                  <a:moveTo>
                    <a:pt x="1248648" y="172939"/>
                  </a:moveTo>
                  <a:cubicBezTo>
                    <a:pt x="1194229" y="172939"/>
                    <a:pt x="1146046" y="142180"/>
                    <a:pt x="1123031" y="92708"/>
                  </a:cubicBezTo>
                  <a:cubicBezTo>
                    <a:pt x="1104962" y="53775"/>
                    <a:pt x="1067105" y="29469"/>
                    <a:pt x="1024085" y="29469"/>
                  </a:cubicBezTo>
                  <a:cubicBezTo>
                    <a:pt x="981066" y="29469"/>
                    <a:pt x="943208" y="53775"/>
                    <a:pt x="925140" y="92708"/>
                  </a:cubicBezTo>
                  <a:cubicBezTo>
                    <a:pt x="902124" y="142180"/>
                    <a:pt x="853942" y="172939"/>
                    <a:pt x="799522" y="172939"/>
                  </a:cubicBezTo>
                  <a:cubicBezTo>
                    <a:pt x="799522" y="172939"/>
                    <a:pt x="799522" y="172939"/>
                    <a:pt x="799522" y="172939"/>
                  </a:cubicBezTo>
                  <a:cubicBezTo>
                    <a:pt x="744887" y="172939"/>
                    <a:pt x="696920" y="142180"/>
                    <a:pt x="673905" y="92708"/>
                  </a:cubicBezTo>
                  <a:cubicBezTo>
                    <a:pt x="655836" y="53775"/>
                    <a:pt x="617979" y="29469"/>
                    <a:pt x="574959" y="29469"/>
                  </a:cubicBezTo>
                  <a:cubicBezTo>
                    <a:pt x="531939" y="29469"/>
                    <a:pt x="494082" y="53775"/>
                    <a:pt x="476014" y="92708"/>
                  </a:cubicBezTo>
                  <a:cubicBezTo>
                    <a:pt x="452998" y="142180"/>
                    <a:pt x="405031" y="172939"/>
                    <a:pt x="350396" y="172939"/>
                  </a:cubicBezTo>
                  <a:cubicBezTo>
                    <a:pt x="295976" y="172939"/>
                    <a:pt x="247794" y="142180"/>
                    <a:pt x="224778" y="92708"/>
                  </a:cubicBezTo>
                  <a:cubicBezTo>
                    <a:pt x="206710" y="53775"/>
                    <a:pt x="168853" y="29469"/>
                    <a:pt x="125833" y="29469"/>
                  </a:cubicBezTo>
                  <a:cubicBezTo>
                    <a:pt x="82813" y="29469"/>
                    <a:pt x="44956" y="53775"/>
                    <a:pt x="26887" y="92708"/>
                  </a:cubicBezTo>
                  <a:lnTo>
                    <a:pt x="0" y="80232"/>
                  </a:lnTo>
                  <a:cubicBezTo>
                    <a:pt x="23016" y="30759"/>
                    <a:pt x="70983" y="0"/>
                    <a:pt x="125618" y="0"/>
                  </a:cubicBezTo>
                  <a:cubicBezTo>
                    <a:pt x="180253" y="0"/>
                    <a:pt x="228220" y="30759"/>
                    <a:pt x="251235" y="80232"/>
                  </a:cubicBezTo>
                  <a:cubicBezTo>
                    <a:pt x="269304" y="119165"/>
                    <a:pt x="307376" y="143471"/>
                    <a:pt x="350181" y="143471"/>
                  </a:cubicBezTo>
                  <a:cubicBezTo>
                    <a:pt x="393201" y="143471"/>
                    <a:pt x="431058" y="119165"/>
                    <a:pt x="449126" y="80232"/>
                  </a:cubicBezTo>
                  <a:cubicBezTo>
                    <a:pt x="472142" y="30759"/>
                    <a:pt x="520324" y="0"/>
                    <a:pt x="574744" y="0"/>
                  </a:cubicBezTo>
                  <a:cubicBezTo>
                    <a:pt x="629164" y="0"/>
                    <a:pt x="677346" y="30759"/>
                    <a:pt x="700362" y="80232"/>
                  </a:cubicBezTo>
                  <a:cubicBezTo>
                    <a:pt x="718430" y="119165"/>
                    <a:pt x="756287" y="143471"/>
                    <a:pt x="799307" y="143471"/>
                  </a:cubicBezTo>
                  <a:lnTo>
                    <a:pt x="799307" y="143471"/>
                  </a:lnTo>
                  <a:cubicBezTo>
                    <a:pt x="842327" y="143471"/>
                    <a:pt x="880184" y="119165"/>
                    <a:pt x="898253" y="80232"/>
                  </a:cubicBezTo>
                  <a:cubicBezTo>
                    <a:pt x="921268" y="30759"/>
                    <a:pt x="969235" y="0"/>
                    <a:pt x="1023870" y="0"/>
                  </a:cubicBezTo>
                  <a:cubicBezTo>
                    <a:pt x="1078505" y="0"/>
                    <a:pt x="1126472" y="30759"/>
                    <a:pt x="1149488" y="80232"/>
                  </a:cubicBezTo>
                  <a:cubicBezTo>
                    <a:pt x="1167556" y="119165"/>
                    <a:pt x="1205414" y="143471"/>
                    <a:pt x="1248433" y="143471"/>
                  </a:cubicBezTo>
                  <a:cubicBezTo>
                    <a:pt x="1291453" y="143471"/>
                    <a:pt x="1329311" y="119165"/>
                    <a:pt x="1347379" y="80232"/>
                  </a:cubicBezTo>
                  <a:cubicBezTo>
                    <a:pt x="1370394" y="30759"/>
                    <a:pt x="1418361" y="0"/>
                    <a:pt x="1472997" y="0"/>
                  </a:cubicBezTo>
                  <a:cubicBezTo>
                    <a:pt x="1527632" y="0"/>
                    <a:pt x="1575814" y="30759"/>
                    <a:pt x="1598614" y="80232"/>
                  </a:cubicBezTo>
                  <a:lnTo>
                    <a:pt x="1571942" y="92708"/>
                  </a:lnTo>
                  <a:cubicBezTo>
                    <a:pt x="1553874" y="53775"/>
                    <a:pt x="1515801" y="29469"/>
                    <a:pt x="1472997" y="29469"/>
                  </a:cubicBezTo>
                  <a:cubicBezTo>
                    <a:pt x="1429977" y="29469"/>
                    <a:pt x="1392119" y="53775"/>
                    <a:pt x="1374051" y="92708"/>
                  </a:cubicBezTo>
                  <a:cubicBezTo>
                    <a:pt x="1351251" y="142180"/>
                    <a:pt x="1303069" y="172939"/>
                    <a:pt x="1248648" y="172939"/>
                  </a:cubicBezTo>
                  <a:close/>
                </a:path>
              </a:pathLst>
            </a:custGeom>
            <a:grpFill/>
            <a:ln w="21496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46" name="Freeform: Shape 1045">
              <a:extLst>
                <a:ext uri="{FF2B5EF4-FFF2-40B4-BE49-F238E27FC236}">
                  <a16:creationId xmlns:a16="http://schemas.microsoft.com/office/drawing/2014/main" id="{6AA52F4F-14E6-402F-A196-668B9CA9BC6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2504802" y="1755501"/>
              <a:ext cx="1598829" cy="172724"/>
            </a:xfrm>
            <a:custGeom>
              <a:avLst/>
              <a:gdLst>
                <a:gd name="connsiteX0" fmla="*/ 1248648 w 1598829"/>
                <a:gd name="connsiteY0" fmla="*/ 172724 h 172724"/>
                <a:gd name="connsiteX1" fmla="*/ 1123031 w 1598829"/>
                <a:gd name="connsiteY1" fmla="*/ 92492 h 172724"/>
                <a:gd name="connsiteX2" fmla="*/ 1024085 w 1598829"/>
                <a:gd name="connsiteY2" fmla="*/ 29253 h 172724"/>
                <a:gd name="connsiteX3" fmla="*/ 925140 w 1598829"/>
                <a:gd name="connsiteY3" fmla="*/ 92492 h 172724"/>
                <a:gd name="connsiteX4" fmla="*/ 799522 w 1598829"/>
                <a:gd name="connsiteY4" fmla="*/ 172724 h 172724"/>
                <a:gd name="connsiteX5" fmla="*/ 799522 w 1598829"/>
                <a:gd name="connsiteY5" fmla="*/ 172724 h 172724"/>
                <a:gd name="connsiteX6" fmla="*/ 673905 w 1598829"/>
                <a:gd name="connsiteY6" fmla="*/ 92492 h 172724"/>
                <a:gd name="connsiteX7" fmla="*/ 574959 w 1598829"/>
                <a:gd name="connsiteY7" fmla="*/ 29253 h 172724"/>
                <a:gd name="connsiteX8" fmla="*/ 476014 w 1598829"/>
                <a:gd name="connsiteY8" fmla="*/ 92492 h 172724"/>
                <a:gd name="connsiteX9" fmla="*/ 350396 w 1598829"/>
                <a:gd name="connsiteY9" fmla="*/ 172724 h 172724"/>
                <a:gd name="connsiteX10" fmla="*/ 224778 w 1598829"/>
                <a:gd name="connsiteY10" fmla="*/ 92492 h 172724"/>
                <a:gd name="connsiteX11" fmla="*/ 125833 w 1598829"/>
                <a:gd name="connsiteY11" fmla="*/ 29253 h 172724"/>
                <a:gd name="connsiteX12" fmla="*/ 26887 w 1598829"/>
                <a:gd name="connsiteY12" fmla="*/ 92492 h 172724"/>
                <a:gd name="connsiteX13" fmla="*/ 0 w 1598829"/>
                <a:gd name="connsiteY13" fmla="*/ 80232 h 172724"/>
                <a:gd name="connsiteX14" fmla="*/ 125618 w 1598829"/>
                <a:gd name="connsiteY14" fmla="*/ 0 h 172724"/>
                <a:gd name="connsiteX15" fmla="*/ 251235 w 1598829"/>
                <a:gd name="connsiteY15" fmla="*/ 80232 h 172724"/>
                <a:gd name="connsiteX16" fmla="*/ 350181 w 1598829"/>
                <a:gd name="connsiteY16" fmla="*/ 143471 h 172724"/>
                <a:gd name="connsiteX17" fmla="*/ 449126 w 1598829"/>
                <a:gd name="connsiteY17" fmla="*/ 80232 h 172724"/>
                <a:gd name="connsiteX18" fmla="*/ 574744 w 1598829"/>
                <a:gd name="connsiteY18" fmla="*/ 0 h 172724"/>
                <a:gd name="connsiteX19" fmla="*/ 700362 w 1598829"/>
                <a:gd name="connsiteY19" fmla="*/ 80232 h 172724"/>
                <a:gd name="connsiteX20" fmla="*/ 799307 w 1598829"/>
                <a:gd name="connsiteY20" fmla="*/ 143471 h 172724"/>
                <a:gd name="connsiteX21" fmla="*/ 799307 w 1598829"/>
                <a:gd name="connsiteY21" fmla="*/ 143471 h 172724"/>
                <a:gd name="connsiteX22" fmla="*/ 898253 w 1598829"/>
                <a:gd name="connsiteY22" fmla="*/ 80232 h 172724"/>
                <a:gd name="connsiteX23" fmla="*/ 1024085 w 1598829"/>
                <a:gd name="connsiteY23" fmla="*/ 0 h 172724"/>
                <a:gd name="connsiteX24" fmla="*/ 1149703 w 1598829"/>
                <a:gd name="connsiteY24" fmla="*/ 80232 h 172724"/>
                <a:gd name="connsiteX25" fmla="*/ 1248648 w 1598829"/>
                <a:gd name="connsiteY25" fmla="*/ 143471 h 172724"/>
                <a:gd name="connsiteX26" fmla="*/ 1347594 w 1598829"/>
                <a:gd name="connsiteY26" fmla="*/ 80232 h 172724"/>
                <a:gd name="connsiteX27" fmla="*/ 1473212 w 1598829"/>
                <a:gd name="connsiteY27" fmla="*/ 0 h 172724"/>
                <a:gd name="connsiteX28" fmla="*/ 1598829 w 1598829"/>
                <a:gd name="connsiteY28" fmla="*/ 80232 h 172724"/>
                <a:gd name="connsiteX29" fmla="*/ 1572157 w 1598829"/>
                <a:gd name="connsiteY29" fmla="*/ 92492 h 172724"/>
                <a:gd name="connsiteX30" fmla="*/ 1473212 w 1598829"/>
                <a:gd name="connsiteY30" fmla="*/ 29253 h 172724"/>
                <a:gd name="connsiteX31" fmla="*/ 1374266 w 1598829"/>
                <a:gd name="connsiteY31" fmla="*/ 92492 h 172724"/>
                <a:gd name="connsiteX32" fmla="*/ 1248648 w 1598829"/>
                <a:gd name="connsiteY32" fmla="*/ 172724 h 1727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598829" h="172724">
                  <a:moveTo>
                    <a:pt x="1248648" y="172724"/>
                  </a:moveTo>
                  <a:cubicBezTo>
                    <a:pt x="1194229" y="172724"/>
                    <a:pt x="1146046" y="141965"/>
                    <a:pt x="1123031" y="92492"/>
                  </a:cubicBezTo>
                  <a:cubicBezTo>
                    <a:pt x="1104962" y="53560"/>
                    <a:pt x="1067105" y="29253"/>
                    <a:pt x="1024085" y="29253"/>
                  </a:cubicBezTo>
                  <a:cubicBezTo>
                    <a:pt x="981066" y="29253"/>
                    <a:pt x="943208" y="53560"/>
                    <a:pt x="925140" y="92492"/>
                  </a:cubicBezTo>
                  <a:cubicBezTo>
                    <a:pt x="902124" y="141965"/>
                    <a:pt x="853942" y="172724"/>
                    <a:pt x="799522" y="172724"/>
                  </a:cubicBezTo>
                  <a:cubicBezTo>
                    <a:pt x="799522" y="172724"/>
                    <a:pt x="799522" y="172724"/>
                    <a:pt x="799522" y="172724"/>
                  </a:cubicBezTo>
                  <a:cubicBezTo>
                    <a:pt x="744887" y="172724"/>
                    <a:pt x="696920" y="141965"/>
                    <a:pt x="673905" y="92492"/>
                  </a:cubicBezTo>
                  <a:cubicBezTo>
                    <a:pt x="655836" y="53560"/>
                    <a:pt x="617979" y="29253"/>
                    <a:pt x="574959" y="29253"/>
                  </a:cubicBezTo>
                  <a:cubicBezTo>
                    <a:pt x="531939" y="29253"/>
                    <a:pt x="494082" y="53560"/>
                    <a:pt x="476014" y="92492"/>
                  </a:cubicBezTo>
                  <a:cubicBezTo>
                    <a:pt x="452998" y="141965"/>
                    <a:pt x="405031" y="172724"/>
                    <a:pt x="350396" y="172724"/>
                  </a:cubicBezTo>
                  <a:cubicBezTo>
                    <a:pt x="295976" y="172724"/>
                    <a:pt x="247794" y="141965"/>
                    <a:pt x="224778" y="92492"/>
                  </a:cubicBezTo>
                  <a:cubicBezTo>
                    <a:pt x="206710" y="53560"/>
                    <a:pt x="168853" y="29253"/>
                    <a:pt x="125833" y="29253"/>
                  </a:cubicBezTo>
                  <a:cubicBezTo>
                    <a:pt x="82813" y="29253"/>
                    <a:pt x="44956" y="53560"/>
                    <a:pt x="26887" y="92492"/>
                  </a:cubicBezTo>
                  <a:lnTo>
                    <a:pt x="0" y="80232"/>
                  </a:lnTo>
                  <a:cubicBezTo>
                    <a:pt x="23016" y="30759"/>
                    <a:pt x="70983" y="0"/>
                    <a:pt x="125618" y="0"/>
                  </a:cubicBezTo>
                  <a:cubicBezTo>
                    <a:pt x="180253" y="0"/>
                    <a:pt x="228220" y="30759"/>
                    <a:pt x="251235" y="80232"/>
                  </a:cubicBezTo>
                  <a:cubicBezTo>
                    <a:pt x="269304" y="119165"/>
                    <a:pt x="307376" y="143471"/>
                    <a:pt x="350181" y="143471"/>
                  </a:cubicBezTo>
                  <a:cubicBezTo>
                    <a:pt x="393201" y="143471"/>
                    <a:pt x="431058" y="119165"/>
                    <a:pt x="449126" y="80232"/>
                  </a:cubicBezTo>
                  <a:cubicBezTo>
                    <a:pt x="472142" y="30759"/>
                    <a:pt x="520324" y="0"/>
                    <a:pt x="574744" y="0"/>
                  </a:cubicBezTo>
                  <a:cubicBezTo>
                    <a:pt x="629164" y="0"/>
                    <a:pt x="677346" y="30759"/>
                    <a:pt x="700362" y="80232"/>
                  </a:cubicBezTo>
                  <a:cubicBezTo>
                    <a:pt x="718430" y="119165"/>
                    <a:pt x="756287" y="143471"/>
                    <a:pt x="799307" y="143471"/>
                  </a:cubicBezTo>
                  <a:lnTo>
                    <a:pt x="799307" y="143471"/>
                  </a:lnTo>
                  <a:cubicBezTo>
                    <a:pt x="842327" y="143471"/>
                    <a:pt x="880184" y="119165"/>
                    <a:pt x="898253" y="80232"/>
                  </a:cubicBezTo>
                  <a:cubicBezTo>
                    <a:pt x="921483" y="30759"/>
                    <a:pt x="969450" y="0"/>
                    <a:pt x="1024085" y="0"/>
                  </a:cubicBezTo>
                  <a:cubicBezTo>
                    <a:pt x="1078720" y="0"/>
                    <a:pt x="1126688" y="30759"/>
                    <a:pt x="1149703" y="80232"/>
                  </a:cubicBezTo>
                  <a:cubicBezTo>
                    <a:pt x="1167771" y="119165"/>
                    <a:pt x="1205629" y="143471"/>
                    <a:pt x="1248648" y="143471"/>
                  </a:cubicBezTo>
                  <a:cubicBezTo>
                    <a:pt x="1291668" y="143471"/>
                    <a:pt x="1329526" y="119165"/>
                    <a:pt x="1347594" y="80232"/>
                  </a:cubicBezTo>
                  <a:cubicBezTo>
                    <a:pt x="1370610" y="30759"/>
                    <a:pt x="1418792" y="0"/>
                    <a:pt x="1473212" y="0"/>
                  </a:cubicBezTo>
                  <a:cubicBezTo>
                    <a:pt x="1527847" y="0"/>
                    <a:pt x="1576029" y="30759"/>
                    <a:pt x="1598829" y="80232"/>
                  </a:cubicBezTo>
                  <a:lnTo>
                    <a:pt x="1572157" y="92492"/>
                  </a:lnTo>
                  <a:cubicBezTo>
                    <a:pt x="1554089" y="53560"/>
                    <a:pt x="1516016" y="29253"/>
                    <a:pt x="1473212" y="29253"/>
                  </a:cubicBezTo>
                  <a:cubicBezTo>
                    <a:pt x="1430192" y="29253"/>
                    <a:pt x="1392335" y="53560"/>
                    <a:pt x="1374266" y="92492"/>
                  </a:cubicBezTo>
                  <a:cubicBezTo>
                    <a:pt x="1351251" y="141965"/>
                    <a:pt x="1303069" y="172724"/>
                    <a:pt x="1248648" y="172724"/>
                  </a:cubicBezTo>
                  <a:close/>
                </a:path>
              </a:pathLst>
            </a:custGeom>
            <a:grpFill/>
            <a:ln w="21496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pic>
        <p:nvPicPr>
          <p:cNvPr id="1028" name="Picture 4">
            <a:extLst>
              <a:ext uri="{FF2B5EF4-FFF2-40B4-BE49-F238E27FC236}">
                <a16:creationId xmlns:a16="http://schemas.microsoft.com/office/drawing/2014/main" id="{A47257E4-5307-981D-3BB0-3E107BFCD9F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519" r="3731" b="1"/>
          <a:stretch/>
        </p:blipFill>
        <p:spPr bwMode="auto">
          <a:xfrm>
            <a:off x="5739828" y="2433371"/>
            <a:ext cx="3755236" cy="3755236"/>
          </a:xfrm>
          <a:custGeom>
            <a:avLst/>
            <a:gdLst/>
            <a:ahLst/>
            <a:cxnLst/>
            <a:rect l="l" t="t" r="r" b="b"/>
            <a:pathLst>
              <a:path w="5290998" h="5290998">
                <a:moveTo>
                  <a:pt x="2645499" y="0"/>
                </a:moveTo>
                <a:cubicBezTo>
                  <a:pt x="4106568" y="0"/>
                  <a:pt x="5290998" y="1184430"/>
                  <a:pt x="5290998" y="2645499"/>
                </a:cubicBezTo>
                <a:cubicBezTo>
                  <a:pt x="5290998" y="4106568"/>
                  <a:pt x="4106568" y="5290998"/>
                  <a:pt x="2645499" y="5290998"/>
                </a:cubicBezTo>
                <a:cubicBezTo>
                  <a:pt x="1184430" y="5290998"/>
                  <a:pt x="0" y="4106568"/>
                  <a:pt x="0" y="2645499"/>
                </a:cubicBezTo>
                <a:cubicBezTo>
                  <a:pt x="0" y="1184430"/>
                  <a:pt x="1184430" y="0"/>
                  <a:pt x="2645499" y="0"/>
                </a:cubicBezTo>
                <a:close/>
              </a:path>
            </a:pathLst>
          </a:cu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43EE7311-4B4C-B1A3-2B06-21756F90BD6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517" r="5487" b="5"/>
          <a:stretch/>
        </p:blipFill>
        <p:spPr bwMode="auto">
          <a:xfrm>
            <a:off x="8414456" y="232636"/>
            <a:ext cx="2822268" cy="2822268"/>
          </a:xfrm>
          <a:custGeom>
            <a:avLst/>
            <a:gdLst/>
            <a:ahLst/>
            <a:cxnLst/>
            <a:rect l="l" t="t" r="r" b="b"/>
            <a:pathLst>
              <a:path w="2588520" h="2588520">
                <a:moveTo>
                  <a:pt x="1294260" y="0"/>
                </a:moveTo>
                <a:cubicBezTo>
                  <a:pt x="2009060" y="0"/>
                  <a:pt x="2588520" y="579460"/>
                  <a:pt x="2588520" y="1294260"/>
                </a:cubicBezTo>
                <a:cubicBezTo>
                  <a:pt x="2588520" y="2009060"/>
                  <a:pt x="2009060" y="2588520"/>
                  <a:pt x="1294260" y="2588520"/>
                </a:cubicBezTo>
                <a:cubicBezTo>
                  <a:pt x="579460" y="2588520"/>
                  <a:pt x="0" y="2009060"/>
                  <a:pt x="0" y="1294260"/>
                </a:cubicBezTo>
                <a:cubicBezTo>
                  <a:pt x="0" y="579460"/>
                  <a:pt x="579460" y="0"/>
                  <a:pt x="1294260" y="0"/>
                </a:cubicBezTo>
                <a:close/>
              </a:path>
            </a:pathLst>
          </a:cu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48" name="Graphic 212">
            <a:extLst>
              <a:ext uri="{FF2B5EF4-FFF2-40B4-BE49-F238E27FC236}">
                <a16:creationId xmlns:a16="http://schemas.microsoft.com/office/drawing/2014/main" id="{4D4C00DC-4DC6-4CD2-9E31-F17E6CEBC5A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979511" y="151388"/>
            <a:ext cx="443964" cy="443964"/>
          </a:xfrm>
          <a:custGeom>
            <a:avLst/>
            <a:gdLst>
              <a:gd name="connsiteX0" fmla="*/ 403574 w 807148"/>
              <a:gd name="connsiteY0" fmla="*/ 0 h 807148"/>
              <a:gd name="connsiteX1" fmla="*/ 0 w 807148"/>
              <a:gd name="connsiteY1" fmla="*/ 403574 h 807148"/>
              <a:gd name="connsiteX2" fmla="*/ 403574 w 807148"/>
              <a:gd name="connsiteY2" fmla="*/ 807149 h 807148"/>
              <a:gd name="connsiteX3" fmla="*/ 807149 w 807148"/>
              <a:gd name="connsiteY3" fmla="*/ 403574 h 807148"/>
              <a:gd name="connsiteX4" fmla="*/ 403574 w 807148"/>
              <a:gd name="connsiteY4" fmla="*/ 0 h 807148"/>
              <a:gd name="connsiteX5" fmla="*/ 403574 w 807148"/>
              <a:gd name="connsiteY5" fmla="*/ 667988 h 807148"/>
              <a:gd name="connsiteX6" fmla="*/ 139160 w 807148"/>
              <a:gd name="connsiteY6" fmla="*/ 403574 h 807148"/>
              <a:gd name="connsiteX7" fmla="*/ 403574 w 807148"/>
              <a:gd name="connsiteY7" fmla="*/ 139160 h 807148"/>
              <a:gd name="connsiteX8" fmla="*/ 667988 w 807148"/>
              <a:gd name="connsiteY8" fmla="*/ 403574 h 807148"/>
              <a:gd name="connsiteX9" fmla="*/ 403574 w 807148"/>
              <a:gd name="connsiteY9" fmla="*/ 667988 h 8071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807148" h="807148">
                <a:moveTo>
                  <a:pt x="403574" y="0"/>
                </a:moveTo>
                <a:cubicBezTo>
                  <a:pt x="180689" y="0"/>
                  <a:pt x="0" y="180689"/>
                  <a:pt x="0" y="403574"/>
                </a:cubicBezTo>
                <a:cubicBezTo>
                  <a:pt x="0" y="626459"/>
                  <a:pt x="180689" y="807149"/>
                  <a:pt x="403574" y="807149"/>
                </a:cubicBezTo>
                <a:cubicBezTo>
                  <a:pt x="626459" y="807149"/>
                  <a:pt x="807149" y="626459"/>
                  <a:pt x="807149" y="403574"/>
                </a:cubicBezTo>
                <a:cubicBezTo>
                  <a:pt x="807149" y="180689"/>
                  <a:pt x="626459" y="0"/>
                  <a:pt x="403574" y="0"/>
                </a:cubicBezTo>
                <a:close/>
                <a:moveTo>
                  <a:pt x="403574" y="667988"/>
                </a:moveTo>
                <a:cubicBezTo>
                  <a:pt x="257556" y="667988"/>
                  <a:pt x="139160" y="549593"/>
                  <a:pt x="139160" y="403574"/>
                </a:cubicBezTo>
                <a:cubicBezTo>
                  <a:pt x="139160" y="257556"/>
                  <a:pt x="257556" y="139160"/>
                  <a:pt x="403574" y="139160"/>
                </a:cubicBezTo>
                <a:cubicBezTo>
                  <a:pt x="549593" y="139160"/>
                  <a:pt x="667988" y="257556"/>
                  <a:pt x="667988" y="403574"/>
                </a:cubicBezTo>
                <a:cubicBezTo>
                  <a:pt x="667988" y="549593"/>
                  <a:pt x="549593" y="667988"/>
                  <a:pt x="403574" y="667988"/>
                </a:cubicBezTo>
                <a:close/>
              </a:path>
            </a:pathLst>
          </a:custGeom>
          <a:solidFill>
            <a:srgbClr val="FFFFFF"/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solidFill>
                <a:schemeClr val="lt1"/>
              </a:solidFill>
            </a:endParaRPr>
          </a:p>
        </p:txBody>
      </p:sp>
      <p:sp>
        <p:nvSpPr>
          <p:cNvPr id="1050" name="Graphic 212">
            <a:extLst>
              <a:ext uri="{FF2B5EF4-FFF2-40B4-BE49-F238E27FC236}">
                <a16:creationId xmlns:a16="http://schemas.microsoft.com/office/drawing/2014/main" id="{F778F7C6-A4AB-4CBC-8CC6-19DF9EE963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979511" y="151388"/>
            <a:ext cx="443964" cy="443964"/>
          </a:xfrm>
          <a:custGeom>
            <a:avLst/>
            <a:gdLst>
              <a:gd name="connsiteX0" fmla="*/ 403574 w 807148"/>
              <a:gd name="connsiteY0" fmla="*/ 0 h 807148"/>
              <a:gd name="connsiteX1" fmla="*/ 0 w 807148"/>
              <a:gd name="connsiteY1" fmla="*/ 403574 h 807148"/>
              <a:gd name="connsiteX2" fmla="*/ 403574 w 807148"/>
              <a:gd name="connsiteY2" fmla="*/ 807149 h 807148"/>
              <a:gd name="connsiteX3" fmla="*/ 807149 w 807148"/>
              <a:gd name="connsiteY3" fmla="*/ 403574 h 807148"/>
              <a:gd name="connsiteX4" fmla="*/ 403574 w 807148"/>
              <a:gd name="connsiteY4" fmla="*/ 0 h 807148"/>
              <a:gd name="connsiteX5" fmla="*/ 403574 w 807148"/>
              <a:gd name="connsiteY5" fmla="*/ 667988 h 807148"/>
              <a:gd name="connsiteX6" fmla="*/ 139160 w 807148"/>
              <a:gd name="connsiteY6" fmla="*/ 403574 h 807148"/>
              <a:gd name="connsiteX7" fmla="*/ 403574 w 807148"/>
              <a:gd name="connsiteY7" fmla="*/ 139160 h 807148"/>
              <a:gd name="connsiteX8" fmla="*/ 667988 w 807148"/>
              <a:gd name="connsiteY8" fmla="*/ 403574 h 807148"/>
              <a:gd name="connsiteX9" fmla="*/ 403574 w 807148"/>
              <a:gd name="connsiteY9" fmla="*/ 667988 h 8071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807148" h="807148">
                <a:moveTo>
                  <a:pt x="403574" y="0"/>
                </a:moveTo>
                <a:cubicBezTo>
                  <a:pt x="180689" y="0"/>
                  <a:pt x="0" y="180689"/>
                  <a:pt x="0" y="403574"/>
                </a:cubicBezTo>
                <a:cubicBezTo>
                  <a:pt x="0" y="626459"/>
                  <a:pt x="180689" y="807149"/>
                  <a:pt x="403574" y="807149"/>
                </a:cubicBezTo>
                <a:cubicBezTo>
                  <a:pt x="626459" y="807149"/>
                  <a:pt x="807149" y="626459"/>
                  <a:pt x="807149" y="403574"/>
                </a:cubicBezTo>
                <a:cubicBezTo>
                  <a:pt x="807149" y="180689"/>
                  <a:pt x="626459" y="0"/>
                  <a:pt x="403574" y="0"/>
                </a:cubicBezTo>
                <a:close/>
                <a:moveTo>
                  <a:pt x="403574" y="667988"/>
                </a:moveTo>
                <a:cubicBezTo>
                  <a:pt x="257556" y="667988"/>
                  <a:pt x="139160" y="549593"/>
                  <a:pt x="139160" y="403574"/>
                </a:cubicBezTo>
                <a:cubicBezTo>
                  <a:pt x="139160" y="257556"/>
                  <a:pt x="257556" y="139160"/>
                  <a:pt x="403574" y="139160"/>
                </a:cubicBezTo>
                <a:cubicBezTo>
                  <a:pt x="549593" y="139160"/>
                  <a:pt x="667988" y="257556"/>
                  <a:pt x="667988" y="403574"/>
                </a:cubicBezTo>
                <a:cubicBezTo>
                  <a:pt x="667988" y="549593"/>
                  <a:pt x="549593" y="667988"/>
                  <a:pt x="403574" y="667988"/>
                </a:cubicBezTo>
                <a:close/>
              </a:path>
            </a:pathLst>
          </a:custGeom>
          <a:solidFill>
            <a:schemeClr val="accent6">
              <a:alpha val="30000"/>
            </a:schemeClr>
          </a:solidFill>
          <a:ln w="285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solidFill>
                <a:schemeClr val="lt1"/>
              </a:solidFill>
            </a:endParaRPr>
          </a:p>
        </p:txBody>
      </p:sp>
      <p:grpSp>
        <p:nvGrpSpPr>
          <p:cNvPr id="1052" name="Graphic 4">
            <a:extLst>
              <a:ext uri="{FF2B5EF4-FFF2-40B4-BE49-F238E27FC236}">
                <a16:creationId xmlns:a16="http://schemas.microsoft.com/office/drawing/2014/main" id="{63301095-70B2-49AA-8DA9-A35629AD621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8865727" y="3995699"/>
            <a:ext cx="1998298" cy="1998316"/>
            <a:chOff x="5734037" y="3067039"/>
            <a:chExt cx="724483" cy="724489"/>
          </a:xfrm>
          <a:solidFill>
            <a:schemeClr val="bg1"/>
          </a:solidFill>
        </p:grpSpPr>
        <p:sp>
          <p:nvSpPr>
            <p:cNvPr id="1053" name="Freeform: Shape 1052">
              <a:extLst>
                <a:ext uri="{FF2B5EF4-FFF2-40B4-BE49-F238E27FC236}">
                  <a16:creationId xmlns:a16="http://schemas.microsoft.com/office/drawing/2014/main" id="{D218E08C-0BEA-45C2-8C09-4141DDDA001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8" y="3067039"/>
              <a:ext cx="14192" cy="14097"/>
            </a:xfrm>
            <a:custGeom>
              <a:avLst/>
              <a:gdLst>
                <a:gd name="connsiteX0" fmla="*/ 14192 w 14192"/>
                <a:gd name="connsiteY0" fmla="*/ 7049 h 14097"/>
                <a:gd name="connsiteX1" fmla="*/ 7144 w 14192"/>
                <a:gd name="connsiteY1" fmla="*/ 14097 h 14097"/>
                <a:gd name="connsiteX2" fmla="*/ 0 w 14192"/>
                <a:gd name="connsiteY2" fmla="*/ 7049 h 14097"/>
                <a:gd name="connsiteX3" fmla="*/ 7049 w 14192"/>
                <a:gd name="connsiteY3" fmla="*/ 0 h 14097"/>
                <a:gd name="connsiteX4" fmla="*/ 14192 w 14192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7">
                  <a:moveTo>
                    <a:pt x="14192" y="7049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54" name="Freeform: Shape 1053">
              <a:extLst>
                <a:ext uri="{FF2B5EF4-FFF2-40B4-BE49-F238E27FC236}">
                  <a16:creationId xmlns:a16="http://schemas.microsoft.com/office/drawing/2014/main" id="{232F6090-14E0-44C6-B9FC-C91047BCDC4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3" y="3067039"/>
              <a:ext cx="14097" cy="14097"/>
            </a:xfrm>
            <a:custGeom>
              <a:avLst/>
              <a:gdLst>
                <a:gd name="connsiteX0" fmla="*/ 14097 w 14097"/>
                <a:gd name="connsiteY0" fmla="*/ 7049 h 14097"/>
                <a:gd name="connsiteX1" fmla="*/ 7049 w 14097"/>
                <a:gd name="connsiteY1" fmla="*/ 14097 h 14097"/>
                <a:gd name="connsiteX2" fmla="*/ 0 w 14097"/>
                <a:gd name="connsiteY2" fmla="*/ 7049 h 14097"/>
                <a:gd name="connsiteX3" fmla="*/ 7049 w 14097"/>
                <a:gd name="connsiteY3" fmla="*/ 0 h 14097"/>
                <a:gd name="connsiteX4" fmla="*/ 14097 w 14097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7">
                  <a:moveTo>
                    <a:pt x="14097" y="7049"/>
                  </a:moveTo>
                  <a:cubicBezTo>
                    <a:pt x="14097" y="10941"/>
                    <a:pt x="10941" y="14097"/>
                    <a:pt x="7049" y="14097"/>
                  </a:cubicBezTo>
                  <a:cubicBezTo>
                    <a:pt x="3156" y="14097"/>
                    <a:pt x="0" y="10941"/>
                    <a:pt x="0" y="7049"/>
                  </a:cubicBezTo>
                  <a:cubicBezTo>
                    <a:pt x="0" y="3156"/>
                    <a:pt x="3156" y="0"/>
                    <a:pt x="7049" y="0"/>
                  </a:cubicBezTo>
                  <a:cubicBezTo>
                    <a:pt x="10941" y="0"/>
                    <a:pt x="14097" y="3156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55" name="Freeform: Shape 1054">
              <a:extLst>
                <a:ext uri="{FF2B5EF4-FFF2-40B4-BE49-F238E27FC236}">
                  <a16:creationId xmlns:a16="http://schemas.microsoft.com/office/drawing/2014/main" id="{FDB9402B-335C-4892-9E7C-C400E95BE05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3" y="3067039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8 w 14096"/>
                <a:gd name="connsiteY1" fmla="*/ 14097 h 14097"/>
                <a:gd name="connsiteX2" fmla="*/ 0 w 14096"/>
                <a:gd name="connsiteY2" fmla="*/ 7049 h 14097"/>
                <a:gd name="connsiteX3" fmla="*/ 7048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56" name="Freeform: Shape 1055">
              <a:extLst>
                <a:ext uri="{FF2B5EF4-FFF2-40B4-BE49-F238E27FC236}">
                  <a16:creationId xmlns:a16="http://schemas.microsoft.com/office/drawing/2014/main" id="{E7A4371D-4448-409A-93F3-0C92E3EBDCF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8" y="3067039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8 w 14096"/>
                <a:gd name="connsiteY1" fmla="*/ 14097 h 14097"/>
                <a:gd name="connsiteX2" fmla="*/ 0 w 14096"/>
                <a:gd name="connsiteY2" fmla="*/ 7049 h 14097"/>
                <a:gd name="connsiteX3" fmla="*/ 7048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57" name="Freeform: Shape 1056">
              <a:extLst>
                <a:ext uri="{FF2B5EF4-FFF2-40B4-BE49-F238E27FC236}">
                  <a16:creationId xmlns:a16="http://schemas.microsoft.com/office/drawing/2014/main" id="{780149CB-4B8F-4FD1-AC5E-25670C9EA0A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8" y="3067039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8 w 14096"/>
                <a:gd name="connsiteY1" fmla="*/ 14097 h 14097"/>
                <a:gd name="connsiteX2" fmla="*/ 0 w 14096"/>
                <a:gd name="connsiteY2" fmla="*/ 7049 h 14097"/>
                <a:gd name="connsiteX3" fmla="*/ 7048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58" name="Freeform: Shape 1057">
              <a:extLst>
                <a:ext uri="{FF2B5EF4-FFF2-40B4-BE49-F238E27FC236}">
                  <a16:creationId xmlns:a16="http://schemas.microsoft.com/office/drawing/2014/main" id="{92D49A1A-35B0-4620-9D1E-A782A0E9780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4" y="3067039"/>
              <a:ext cx="14097" cy="14097"/>
            </a:xfrm>
            <a:custGeom>
              <a:avLst/>
              <a:gdLst>
                <a:gd name="connsiteX0" fmla="*/ 14097 w 14097"/>
                <a:gd name="connsiteY0" fmla="*/ 7049 h 14097"/>
                <a:gd name="connsiteX1" fmla="*/ 7049 w 14097"/>
                <a:gd name="connsiteY1" fmla="*/ 14097 h 14097"/>
                <a:gd name="connsiteX2" fmla="*/ 0 w 14097"/>
                <a:gd name="connsiteY2" fmla="*/ 7049 h 14097"/>
                <a:gd name="connsiteX3" fmla="*/ 7049 w 14097"/>
                <a:gd name="connsiteY3" fmla="*/ 0 h 14097"/>
                <a:gd name="connsiteX4" fmla="*/ 14097 w 14097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7">
                  <a:moveTo>
                    <a:pt x="14097" y="7049"/>
                  </a:moveTo>
                  <a:cubicBezTo>
                    <a:pt x="14097" y="10941"/>
                    <a:pt x="10941" y="14097"/>
                    <a:pt x="7049" y="14097"/>
                  </a:cubicBezTo>
                  <a:cubicBezTo>
                    <a:pt x="3156" y="14097"/>
                    <a:pt x="0" y="10941"/>
                    <a:pt x="0" y="7049"/>
                  </a:cubicBezTo>
                  <a:cubicBezTo>
                    <a:pt x="0" y="3156"/>
                    <a:pt x="3156" y="0"/>
                    <a:pt x="7049" y="0"/>
                  </a:cubicBezTo>
                  <a:cubicBezTo>
                    <a:pt x="10941" y="0"/>
                    <a:pt x="14097" y="3156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59" name="Freeform: Shape 1058">
              <a:extLst>
                <a:ext uri="{FF2B5EF4-FFF2-40B4-BE49-F238E27FC236}">
                  <a16:creationId xmlns:a16="http://schemas.microsoft.com/office/drawing/2014/main" id="{AFF46F08-B1E4-44C1-BD4A-4191D6EAD90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4" y="3067039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8 w 14096"/>
                <a:gd name="connsiteY1" fmla="*/ 14097 h 14097"/>
                <a:gd name="connsiteX2" fmla="*/ 0 w 14096"/>
                <a:gd name="connsiteY2" fmla="*/ 7049 h 14097"/>
                <a:gd name="connsiteX3" fmla="*/ 7048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60" name="Freeform: Shape 1059">
              <a:extLst>
                <a:ext uri="{FF2B5EF4-FFF2-40B4-BE49-F238E27FC236}">
                  <a16:creationId xmlns:a16="http://schemas.microsoft.com/office/drawing/2014/main" id="{8DB16610-3D81-4E5C-850D-5D1245C0DCA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8" y="3126284"/>
              <a:ext cx="14192" cy="14097"/>
            </a:xfrm>
            <a:custGeom>
              <a:avLst/>
              <a:gdLst>
                <a:gd name="connsiteX0" fmla="*/ 14192 w 14192"/>
                <a:gd name="connsiteY0" fmla="*/ 7049 h 14097"/>
                <a:gd name="connsiteX1" fmla="*/ 7144 w 14192"/>
                <a:gd name="connsiteY1" fmla="*/ 14097 h 14097"/>
                <a:gd name="connsiteX2" fmla="*/ 0 w 14192"/>
                <a:gd name="connsiteY2" fmla="*/ 7049 h 14097"/>
                <a:gd name="connsiteX3" fmla="*/ 7049 w 14192"/>
                <a:gd name="connsiteY3" fmla="*/ 0 h 14097"/>
                <a:gd name="connsiteX4" fmla="*/ 14192 w 14192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7">
                  <a:moveTo>
                    <a:pt x="14192" y="7049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61" name="Freeform: Shape 1060">
              <a:extLst>
                <a:ext uri="{FF2B5EF4-FFF2-40B4-BE49-F238E27FC236}">
                  <a16:creationId xmlns:a16="http://schemas.microsoft.com/office/drawing/2014/main" id="{E05501B2-83AC-4299-BE5A-8CA16B40897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3" y="3126282"/>
              <a:ext cx="14097" cy="14099"/>
            </a:xfrm>
            <a:custGeom>
              <a:avLst/>
              <a:gdLst>
                <a:gd name="connsiteX0" fmla="*/ 14097 w 14097"/>
                <a:gd name="connsiteY0" fmla="*/ 7051 h 14099"/>
                <a:gd name="connsiteX1" fmla="*/ 7049 w 14097"/>
                <a:gd name="connsiteY1" fmla="*/ 14099 h 14099"/>
                <a:gd name="connsiteX2" fmla="*/ 0 w 14097"/>
                <a:gd name="connsiteY2" fmla="*/ 7051 h 14099"/>
                <a:gd name="connsiteX3" fmla="*/ 7049 w 14097"/>
                <a:gd name="connsiteY3" fmla="*/ 2 h 14099"/>
                <a:gd name="connsiteX4" fmla="*/ 14097 w 14097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9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9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62" name="Freeform: Shape 1061">
              <a:extLst>
                <a:ext uri="{FF2B5EF4-FFF2-40B4-BE49-F238E27FC236}">
                  <a16:creationId xmlns:a16="http://schemas.microsoft.com/office/drawing/2014/main" id="{07CF1B90-3B3A-403E-A94F-8B82945D073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3" y="312628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63" name="Freeform: Shape 1062">
              <a:extLst>
                <a:ext uri="{FF2B5EF4-FFF2-40B4-BE49-F238E27FC236}">
                  <a16:creationId xmlns:a16="http://schemas.microsoft.com/office/drawing/2014/main" id="{56A1CBA9-4AC1-4C42-9429-3FF31DF282A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8" y="312628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64" name="Freeform: Shape 1063">
              <a:extLst>
                <a:ext uri="{FF2B5EF4-FFF2-40B4-BE49-F238E27FC236}">
                  <a16:creationId xmlns:a16="http://schemas.microsoft.com/office/drawing/2014/main" id="{21318D9B-FD39-402A-ADFA-0E6CC789A76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8" y="312628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65" name="Freeform: Shape 1064">
              <a:extLst>
                <a:ext uri="{FF2B5EF4-FFF2-40B4-BE49-F238E27FC236}">
                  <a16:creationId xmlns:a16="http://schemas.microsoft.com/office/drawing/2014/main" id="{333FB08F-B346-47C0-A7CD-1DE53E6C0D2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3" y="3126284"/>
              <a:ext cx="14097" cy="14097"/>
            </a:xfrm>
            <a:custGeom>
              <a:avLst/>
              <a:gdLst>
                <a:gd name="connsiteX0" fmla="*/ 14097 w 14097"/>
                <a:gd name="connsiteY0" fmla="*/ 7049 h 14097"/>
                <a:gd name="connsiteX1" fmla="*/ 7048 w 14097"/>
                <a:gd name="connsiteY1" fmla="*/ 14097 h 14097"/>
                <a:gd name="connsiteX2" fmla="*/ 0 w 14097"/>
                <a:gd name="connsiteY2" fmla="*/ 7049 h 14097"/>
                <a:gd name="connsiteX3" fmla="*/ 7048 w 14097"/>
                <a:gd name="connsiteY3" fmla="*/ 0 h 14097"/>
                <a:gd name="connsiteX4" fmla="*/ 14097 w 14097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7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66" name="Freeform: Shape 1065">
              <a:extLst>
                <a:ext uri="{FF2B5EF4-FFF2-40B4-BE49-F238E27FC236}">
                  <a16:creationId xmlns:a16="http://schemas.microsoft.com/office/drawing/2014/main" id="{893AD6F2-6408-4A8E-9749-CB7388EF3DC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4" y="312628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67" name="Freeform: Shape 1066">
              <a:extLst>
                <a:ext uri="{FF2B5EF4-FFF2-40B4-BE49-F238E27FC236}">
                  <a16:creationId xmlns:a16="http://schemas.microsoft.com/office/drawing/2014/main" id="{715D9D2F-1568-4BE3-A54A-69F52492B0E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8" y="3185434"/>
              <a:ext cx="14192" cy="14096"/>
            </a:xfrm>
            <a:custGeom>
              <a:avLst/>
              <a:gdLst>
                <a:gd name="connsiteX0" fmla="*/ 14192 w 14192"/>
                <a:gd name="connsiteY0" fmla="*/ 7048 h 14096"/>
                <a:gd name="connsiteX1" fmla="*/ 7144 w 14192"/>
                <a:gd name="connsiteY1" fmla="*/ 14097 h 14096"/>
                <a:gd name="connsiteX2" fmla="*/ 0 w 14192"/>
                <a:gd name="connsiteY2" fmla="*/ 7048 h 14096"/>
                <a:gd name="connsiteX3" fmla="*/ 7049 w 14192"/>
                <a:gd name="connsiteY3" fmla="*/ 0 h 14096"/>
                <a:gd name="connsiteX4" fmla="*/ 14192 w 14192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6">
                  <a:moveTo>
                    <a:pt x="14192" y="7048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68" name="Freeform: Shape 1067">
              <a:extLst>
                <a:ext uri="{FF2B5EF4-FFF2-40B4-BE49-F238E27FC236}">
                  <a16:creationId xmlns:a16="http://schemas.microsoft.com/office/drawing/2014/main" id="{9AB547A7-0D80-491F-98B4-C6B7CC4FC4A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3" y="3185434"/>
              <a:ext cx="14097" cy="14097"/>
            </a:xfrm>
            <a:custGeom>
              <a:avLst/>
              <a:gdLst>
                <a:gd name="connsiteX0" fmla="*/ 14097 w 14097"/>
                <a:gd name="connsiteY0" fmla="*/ 7049 h 14097"/>
                <a:gd name="connsiteX1" fmla="*/ 7049 w 14097"/>
                <a:gd name="connsiteY1" fmla="*/ 14097 h 14097"/>
                <a:gd name="connsiteX2" fmla="*/ 0 w 14097"/>
                <a:gd name="connsiteY2" fmla="*/ 7049 h 14097"/>
                <a:gd name="connsiteX3" fmla="*/ 7049 w 14097"/>
                <a:gd name="connsiteY3" fmla="*/ 0 h 14097"/>
                <a:gd name="connsiteX4" fmla="*/ 14097 w 14097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7">
                  <a:moveTo>
                    <a:pt x="14097" y="7049"/>
                  </a:moveTo>
                  <a:cubicBezTo>
                    <a:pt x="14097" y="10941"/>
                    <a:pt x="10941" y="14097"/>
                    <a:pt x="7049" y="14097"/>
                  </a:cubicBezTo>
                  <a:cubicBezTo>
                    <a:pt x="3156" y="14097"/>
                    <a:pt x="0" y="10941"/>
                    <a:pt x="0" y="7049"/>
                  </a:cubicBezTo>
                  <a:cubicBezTo>
                    <a:pt x="0" y="3156"/>
                    <a:pt x="3156" y="0"/>
                    <a:pt x="7049" y="0"/>
                  </a:cubicBezTo>
                  <a:cubicBezTo>
                    <a:pt x="10941" y="0"/>
                    <a:pt x="14097" y="3156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69" name="Freeform: Shape 1068">
              <a:extLst>
                <a:ext uri="{FF2B5EF4-FFF2-40B4-BE49-F238E27FC236}">
                  <a16:creationId xmlns:a16="http://schemas.microsoft.com/office/drawing/2014/main" id="{7E2693CD-DAF5-4B26-9A2F-17673BF3183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3" y="3185434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70" name="Freeform: Shape 1069">
              <a:extLst>
                <a:ext uri="{FF2B5EF4-FFF2-40B4-BE49-F238E27FC236}">
                  <a16:creationId xmlns:a16="http://schemas.microsoft.com/office/drawing/2014/main" id="{A96EEE12-952A-4693-B161-D7071D6010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8" y="3185434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71" name="Freeform: Shape 1070">
              <a:extLst>
                <a:ext uri="{FF2B5EF4-FFF2-40B4-BE49-F238E27FC236}">
                  <a16:creationId xmlns:a16="http://schemas.microsoft.com/office/drawing/2014/main" id="{F4228DCC-1611-4BDC-90AA-231F67EB116E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8" y="3185434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72" name="Freeform: Shape 1071">
              <a:extLst>
                <a:ext uri="{FF2B5EF4-FFF2-40B4-BE49-F238E27FC236}">
                  <a16:creationId xmlns:a16="http://schemas.microsoft.com/office/drawing/2014/main" id="{DA163C3C-D3DF-461F-B6A8-90C7C227D12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4" y="3185434"/>
              <a:ext cx="14097" cy="14097"/>
            </a:xfrm>
            <a:custGeom>
              <a:avLst/>
              <a:gdLst>
                <a:gd name="connsiteX0" fmla="*/ 14097 w 14097"/>
                <a:gd name="connsiteY0" fmla="*/ 7049 h 14097"/>
                <a:gd name="connsiteX1" fmla="*/ 7049 w 14097"/>
                <a:gd name="connsiteY1" fmla="*/ 14097 h 14097"/>
                <a:gd name="connsiteX2" fmla="*/ 0 w 14097"/>
                <a:gd name="connsiteY2" fmla="*/ 7049 h 14097"/>
                <a:gd name="connsiteX3" fmla="*/ 7049 w 14097"/>
                <a:gd name="connsiteY3" fmla="*/ 0 h 14097"/>
                <a:gd name="connsiteX4" fmla="*/ 14097 w 14097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7">
                  <a:moveTo>
                    <a:pt x="14097" y="7049"/>
                  </a:moveTo>
                  <a:cubicBezTo>
                    <a:pt x="14097" y="10941"/>
                    <a:pt x="10941" y="14097"/>
                    <a:pt x="7049" y="14097"/>
                  </a:cubicBezTo>
                  <a:cubicBezTo>
                    <a:pt x="3156" y="14097"/>
                    <a:pt x="0" y="10941"/>
                    <a:pt x="0" y="7049"/>
                  </a:cubicBezTo>
                  <a:cubicBezTo>
                    <a:pt x="0" y="3156"/>
                    <a:pt x="3156" y="0"/>
                    <a:pt x="7049" y="0"/>
                  </a:cubicBezTo>
                  <a:cubicBezTo>
                    <a:pt x="10941" y="0"/>
                    <a:pt x="14097" y="3156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73" name="Freeform: Shape 1072">
              <a:extLst>
                <a:ext uri="{FF2B5EF4-FFF2-40B4-BE49-F238E27FC236}">
                  <a16:creationId xmlns:a16="http://schemas.microsoft.com/office/drawing/2014/main" id="{4D021D29-2980-41C3-AB83-DA93C105BCE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4" y="3185434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74" name="Freeform: Shape 1073">
              <a:extLst>
                <a:ext uri="{FF2B5EF4-FFF2-40B4-BE49-F238E27FC236}">
                  <a16:creationId xmlns:a16="http://schemas.microsoft.com/office/drawing/2014/main" id="{AC09C1FA-1A9D-49A7-9D73-8B777140A30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8" y="3244679"/>
              <a:ext cx="14192" cy="14096"/>
            </a:xfrm>
            <a:custGeom>
              <a:avLst/>
              <a:gdLst>
                <a:gd name="connsiteX0" fmla="*/ 14192 w 14192"/>
                <a:gd name="connsiteY0" fmla="*/ 7048 h 14096"/>
                <a:gd name="connsiteX1" fmla="*/ 7144 w 14192"/>
                <a:gd name="connsiteY1" fmla="*/ 14097 h 14096"/>
                <a:gd name="connsiteX2" fmla="*/ 0 w 14192"/>
                <a:gd name="connsiteY2" fmla="*/ 7048 h 14096"/>
                <a:gd name="connsiteX3" fmla="*/ 7049 w 14192"/>
                <a:gd name="connsiteY3" fmla="*/ 0 h 14096"/>
                <a:gd name="connsiteX4" fmla="*/ 14192 w 14192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6">
                  <a:moveTo>
                    <a:pt x="14192" y="7048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75" name="Freeform: Shape 1074">
              <a:extLst>
                <a:ext uri="{FF2B5EF4-FFF2-40B4-BE49-F238E27FC236}">
                  <a16:creationId xmlns:a16="http://schemas.microsoft.com/office/drawing/2014/main" id="{0B8D8CD4-7B9B-48A5-BC59-0CB859354F7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3" y="3244677"/>
              <a:ext cx="14097" cy="14099"/>
            </a:xfrm>
            <a:custGeom>
              <a:avLst/>
              <a:gdLst>
                <a:gd name="connsiteX0" fmla="*/ 14097 w 14097"/>
                <a:gd name="connsiteY0" fmla="*/ 7051 h 14099"/>
                <a:gd name="connsiteX1" fmla="*/ 7049 w 14097"/>
                <a:gd name="connsiteY1" fmla="*/ 14099 h 14099"/>
                <a:gd name="connsiteX2" fmla="*/ 0 w 14097"/>
                <a:gd name="connsiteY2" fmla="*/ 7051 h 14099"/>
                <a:gd name="connsiteX3" fmla="*/ 7049 w 14097"/>
                <a:gd name="connsiteY3" fmla="*/ 2 h 14099"/>
                <a:gd name="connsiteX4" fmla="*/ 14097 w 14097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9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9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76" name="Freeform: Shape 1075">
              <a:extLst>
                <a:ext uri="{FF2B5EF4-FFF2-40B4-BE49-F238E27FC236}">
                  <a16:creationId xmlns:a16="http://schemas.microsoft.com/office/drawing/2014/main" id="{224D0A27-A8B0-4020-9399-24127726E658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3" y="3244677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77" name="Freeform: Shape 1076">
              <a:extLst>
                <a:ext uri="{FF2B5EF4-FFF2-40B4-BE49-F238E27FC236}">
                  <a16:creationId xmlns:a16="http://schemas.microsoft.com/office/drawing/2014/main" id="{168E8EBA-9F8C-4650-B9BE-38A0A56BCF2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8" y="3244677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78" name="Freeform: Shape 1077">
              <a:extLst>
                <a:ext uri="{FF2B5EF4-FFF2-40B4-BE49-F238E27FC236}">
                  <a16:creationId xmlns:a16="http://schemas.microsoft.com/office/drawing/2014/main" id="{6A460BB3-2605-4AA2-AE1D-B9FB61EBF2D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8" y="3244677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79" name="Freeform: Shape 1078">
              <a:extLst>
                <a:ext uri="{FF2B5EF4-FFF2-40B4-BE49-F238E27FC236}">
                  <a16:creationId xmlns:a16="http://schemas.microsoft.com/office/drawing/2014/main" id="{1E2E38EE-DBBE-4CC1-9498-E7193E1B28BE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3" y="3244679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8 w 14097"/>
                <a:gd name="connsiteY1" fmla="*/ 14097 h 14096"/>
                <a:gd name="connsiteX2" fmla="*/ 0 w 14097"/>
                <a:gd name="connsiteY2" fmla="*/ 7048 h 14096"/>
                <a:gd name="connsiteX3" fmla="*/ 7048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80" name="Freeform: Shape 1079">
              <a:extLst>
                <a:ext uri="{FF2B5EF4-FFF2-40B4-BE49-F238E27FC236}">
                  <a16:creationId xmlns:a16="http://schemas.microsoft.com/office/drawing/2014/main" id="{BF191D5C-7D2A-4408-A8F2-389D2360F9A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4" y="3244677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81" name="Freeform: Shape 1080">
              <a:extLst>
                <a:ext uri="{FF2B5EF4-FFF2-40B4-BE49-F238E27FC236}">
                  <a16:creationId xmlns:a16="http://schemas.microsoft.com/office/drawing/2014/main" id="{08F7193B-B379-4921-9F17-1841D50611C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8" y="3303829"/>
              <a:ext cx="14192" cy="14096"/>
            </a:xfrm>
            <a:custGeom>
              <a:avLst/>
              <a:gdLst>
                <a:gd name="connsiteX0" fmla="*/ 14192 w 14192"/>
                <a:gd name="connsiteY0" fmla="*/ 7048 h 14096"/>
                <a:gd name="connsiteX1" fmla="*/ 7144 w 14192"/>
                <a:gd name="connsiteY1" fmla="*/ 14097 h 14096"/>
                <a:gd name="connsiteX2" fmla="*/ 0 w 14192"/>
                <a:gd name="connsiteY2" fmla="*/ 7048 h 14096"/>
                <a:gd name="connsiteX3" fmla="*/ 7049 w 14192"/>
                <a:gd name="connsiteY3" fmla="*/ 0 h 14096"/>
                <a:gd name="connsiteX4" fmla="*/ 14192 w 14192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6">
                  <a:moveTo>
                    <a:pt x="14192" y="7048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82" name="Freeform: Shape 1081">
              <a:extLst>
                <a:ext uri="{FF2B5EF4-FFF2-40B4-BE49-F238E27FC236}">
                  <a16:creationId xmlns:a16="http://schemas.microsoft.com/office/drawing/2014/main" id="{B4C5E53C-6003-4F74-B1CA-C7EA1E49930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3" y="3303829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83" name="Freeform: Shape 1082">
              <a:extLst>
                <a:ext uri="{FF2B5EF4-FFF2-40B4-BE49-F238E27FC236}">
                  <a16:creationId xmlns:a16="http://schemas.microsoft.com/office/drawing/2014/main" id="{CB97B2B1-1CF5-46A5-940D-AB8F57F5909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3" y="3303829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84" name="Freeform: Shape 1083">
              <a:extLst>
                <a:ext uri="{FF2B5EF4-FFF2-40B4-BE49-F238E27FC236}">
                  <a16:creationId xmlns:a16="http://schemas.microsoft.com/office/drawing/2014/main" id="{0783F4F1-D8CE-4453-B79B-AD976E272C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8" y="3303829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85" name="Freeform: Shape 1084">
              <a:extLst>
                <a:ext uri="{FF2B5EF4-FFF2-40B4-BE49-F238E27FC236}">
                  <a16:creationId xmlns:a16="http://schemas.microsoft.com/office/drawing/2014/main" id="{06A7A4C9-F24F-4F00-A2FA-29E788A091D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8" y="3303829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86" name="Freeform: Shape 1085">
              <a:extLst>
                <a:ext uri="{FF2B5EF4-FFF2-40B4-BE49-F238E27FC236}">
                  <a16:creationId xmlns:a16="http://schemas.microsoft.com/office/drawing/2014/main" id="{EB694A32-59D6-46E3-8CE4-E4C485C2CB0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3" y="3303829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8 w 14097"/>
                <a:gd name="connsiteY1" fmla="*/ 14097 h 14096"/>
                <a:gd name="connsiteX2" fmla="*/ 0 w 14097"/>
                <a:gd name="connsiteY2" fmla="*/ 7048 h 14096"/>
                <a:gd name="connsiteX3" fmla="*/ 7048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87" name="Freeform: Shape 1086">
              <a:extLst>
                <a:ext uri="{FF2B5EF4-FFF2-40B4-BE49-F238E27FC236}">
                  <a16:creationId xmlns:a16="http://schemas.microsoft.com/office/drawing/2014/main" id="{983EBB4C-28FF-41C6-90D6-5F30FC0868E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4" y="3303829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88" name="Freeform: Shape 1087">
              <a:extLst>
                <a:ext uri="{FF2B5EF4-FFF2-40B4-BE49-F238E27FC236}">
                  <a16:creationId xmlns:a16="http://schemas.microsoft.com/office/drawing/2014/main" id="{0707659D-8AE9-49B5-AB29-ECC099F495A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8" y="3363074"/>
              <a:ext cx="14192" cy="14097"/>
            </a:xfrm>
            <a:custGeom>
              <a:avLst/>
              <a:gdLst>
                <a:gd name="connsiteX0" fmla="*/ 14192 w 14192"/>
                <a:gd name="connsiteY0" fmla="*/ 7048 h 14097"/>
                <a:gd name="connsiteX1" fmla="*/ 7144 w 14192"/>
                <a:gd name="connsiteY1" fmla="*/ 14097 h 14097"/>
                <a:gd name="connsiteX2" fmla="*/ 0 w 14192"/>
                <a:gd name="connsiteY2" fmla="*/ 7048 h 14097"/>
                <a:gd name="connsiteX3" fmla="*/ 7049 w 14192"/>
                <a:gd name="connsiteY3" fmla="*/ 0 h 14097"/>
                <a:gd name="connsiteX4" fmla="*/ 14192 w 14192"/>
                <a:gd name="connsiteY4" fmla="*/ 7048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7">
                  <a:moveTo>
                    <a:pt x="14192" y="7048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89" name="Freeform: Shape 1088">
              <a:extLst>
                <a:ext uri="{FF2B5EF4-FFF2-40B4-BE49-F238E27FC236}">
                  <a16:creationId xmlns:a16="http://schemas.microsoft.com/office/drawing/2014/main" id="{5C987ECC-9573-46EA-9C4A-7C3CAE39380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3" y="3363072"/>
              <a:ext cx="14097" cy="14099"/>
            </a:xfrm>
            <a:custGeom>
              <a:avLst/>
              <a:gdLst>
                <a:gd name="connsiteX0" fmla="*/ 14097 w 14097"/>
                <a:gd name="connsiteY0" fmla="*/ 7051 h 14099"/>
                <a:gd name="connsiteX1" fmla="*/ 7049 w 14097"/>
                <a:gd name="connsiteY1" fmla="*/ 14099 h 14099"/>
                <a:gd name="connsiteX2" fmla="*/ 0 w 14097"/>
                <a:gd name="connsiteY2" fmla="*/ 7051 h 14099"/>
                <a:gd name="connsiteX3" fmla="*/ 7049 w 14097"/>
                <a:gd name="connsiteY3" fmla="*/ 2 h 14099"/>
                <a:gd name="connsiteX4" fmla="*/ 14097 w 14097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9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9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90" name="Freeform: Shape 1089">
              <a:extLst>
                <a:ext uri="{FF2B5EF4-FFF2-40B4-BE49-F238E27FC236}">
                  <a16:creationId xmlns:a16="http://schemas.microsoft.com/office/drawing/2014/main" id="{4DAF6708-18C2-4082-B024-6CEA32AE019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3" y="336307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91" name="Freeform: Shape 1090">
              <a:extLst>
                <a:ext uri="{FF2B5EF4-FFF2-40B4-BE49-F238E27FC236}">
                  <a16:creationId xmlns:a16="http://schemas.microsoft.com/office/drawing/2014/main" id="{72CBB5AE-39E2-4D9B-A834-64D31B00327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8" y="336307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92" name="Freeform: Shape 1091">
              <a:extLst>
                <a:ext uri="{FF2B5EF4-FFF2-40B4-BE49-F238E27FC236}">
                  <a16:creationId xmlns:a16="http://schemas.microsoft.com/office/drawing/2014/main" id="{4592DE98-77BF-4E8E-AEB4-1934207BAE7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8" y="336307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93" name="Freeform: Shape 1092">
              <a:extLst>
                <a:ext uri="{FF2B5EF4-FFF2-40B4-BE49-F238E27FC236}">
                  <a16:creationId xmlns:a16="http://schemas.microsoft.com/office/drawing/2014/main" id="{5AF5D9A0-BA94-4D2B-8479-26C55355B64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3" y="3363074"/>
              <a:ext cx="14097" cy="14097"/>
            </a:xfrm>
            <a:custGeom>
              <a:avLst/>
              <a:gdLst>
                <a:gd name="connsiteX0" fmla="*/ 14097 w 14097"/>
                <a:gd name="connsiteY0" fmla="*/ 7048 h 14097"/>
                <a:gd name="connsiteX1" fmla="*/ 7048 w 14097"/>
                <a:gd name="connsiteY1" fmla="*/ 14097 h 14097"/>
                <a:gd name="connsiteX2" fmla="*/ 0 w 14097"/>
                <a:gd name="connsiteY2" fmla="*/ 7048 h 14097"/>
                <a:gd name="connsiteX3" fmla="*/ 7048 w 14097"/>
                <a:gd name="connsiteY3" fmla="*/ 0 h 14097"/>
                <a:gd name="connsiteX4" fmla="*/ 14097 w 14097"/>
                <a:gd name="connsiteY4" fmla="*/ 7048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7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94" name="Freeform: Shape 1093">
              <a:extLst>
                <a:ext uri="{FF2B5EF4-FFF2-40B4-BE49-F238E27FC236}">
                  <a16:creationId xmlns:a16="http://schemas.microsoft.com/office/drawing/2014/main" id="{2CAA6A8E-7ACF-4EF7-AAD6-734A009DCFB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4" y="336307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95" name="Freeform: Shape 1094">
              <a:extLst>
                <a:ext uri="{FF2B5EF4-FFF2-40B4-BE49-F238E27FC236}">
                  <a16:creationId xmlns:a16="http://schemas.microsoft.com/office/drawing/2014/main" id="{D3DD3695-F212-4BAD-BBB3-EC1F624740B8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8" y="3422225"/>
              <a:ext cx="14192" cy="14096"/>
            </a:xfrm>
            <a:custGeom>
              <a:avLst/>
              <a:gdLst>
                <a:gd name="connsiteX0" fmla="*/ 14192 w 14192"/>
                <a:gd name="connsiteY0" fmla="*/ 7048 h 14096"/>
                <a:gd name="connsiteX1" fmla="*/ 7144 w 14192"/>
                <a:gd name="connsiteY1" fmla="*/ 14097 h 14096"/>
                <a:gd name="connsiteX2" fmla="*/ 0 w 14192"/>
                <a:gd name="connsiteY2" fmla="*/ 7048 h 14096"/>
                <a:gd name="connsiteX3" fmla="*/ 7049 w 14192"/>
                <a:gd name="connsiteY3" fmla="*/ 0 h 14096"/>
                <a:gd name="connsiteX4" fmla="*/ 14192 w 14192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6">
                  <a:moveTo>
                    <a:pt x="14192" y="7048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96" name="Freeform: Shape 1095">
              <a:extLst>
                <a:ext uri="{FF2B5EF4-FFF2-40B4-BE49-F238E27FC236}">
                  <a16:creationId xmlns:a16="http://schemas.microsoft.com/office/drawing/2014/main" id="{AB1B3ECB-7594-4C5C-B62B-E686C0A89EA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3" y="3422225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97" name="Freeform: Shape 1096">
              <a:extLst>
                <a:ext uri="{FF2B5EF4-FFF2-40B4-BE49-F238E27FC236}">
                  <a16:creationId xmlns:a16="http://schemas.microsoft.com/office/drawing/2014/main" id="{5EE54C3C-D9E5-4782-B8F6-058EB2D63E8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3" y="342222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98" name="Freeform: Shape 1097">
              <a:extLst>
                <a:ext uri="{FF2B5EF4-FFF2-40B4-BE49-F238E27FC236}">
                  <a16:creationId xmlns:a16="http://schemas.microsoft.com/office/drawing/2014/main" id="{EAE78EEE-DC43-44E1-AB47-ACB80F94B12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8" y="342222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99" name="Freeform: Shape 1098">
              <a:extLst>
                <a:ext uri="{FF2B5EF4-FFF2-40B4-BE49-F238E27FC236}">
                  <a16:creationId xmlns:a16="http://schemas.microsoft.com/office/drawing/2014/main" id="{847D67EF-1141-4582-866E-FE02FB2360D8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8" y="342222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00" name="Freeform: Shape 1099">
              <a:extLst>
                <a:ext uri="{FF2B5EF4-FFF2-40B4-BE49-F238E27FC236}">
                  <a16:creationId xmlns:a16="http://schemas.microsoft.com/office/drawing/2014/main" id="{99ECC931-60A1-4628-A34B-4B68DA3CC26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3" y="3422225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8 w 14097"/>
                <a:gd name="connsiteY1" fmla="*/ 14097 h 14096"/>
                <a:gd name="connsiteX2" fmla="*/ 0 w 14097"/>
                <a:gd name="connsiteY2" fmla="*/ 7048 h 14096"/>
                <a:gd name="connsiteX3" fmla="*/ 7048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01" name="Freeform: Shape 1100">
              <a:extLst>
                <a:ext uri="{FF2B5EF4-FFF2-40B4-BE49-F238E27FC236}">
                  <a16:creationId xmlns:a16="http://schemas.microsoft.com/office/drawing/2014/main" id="{A587D2BE-3417-44AE-BEEF-57F88CECB4D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4" y="342222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02" name="Freeform: Shape 1101">
              <a:extLst>
                <a:ext uri="{FF2B5EF4-FFF2-40B4-BE49-F238E27FC236}">
                  <a16:creationId xmlns:a16="http://schemas.microsoft.com/office/drawing/2014/main" id="{FCEB2ED3-A08D-4286-B75D-893289F3F3D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69" y="3067039"/>
              <a:ext cx="14097" cy="14097"/>
            </a:xfrm>
            <a:custGeom>
              <a:avLst/>
              <a:gdLst>
                <a:gd name="connsiteX0" fmla="*/ 14097 w 14097"/>
                <a:gd name="connsiteY0" fmla="*/ 7049 h 14097"/>
                <a:gd name="connsiteX1" fmla="*/ 7049 w 14097"/>
                <a:gd name="connsiteY1" fmla="*/ 14097 h 14097"/>
                <a:gd name="connsiteX2" fmla="*/ 0 w 14097"/>
                <a:gd name="connsiteY2" fmla="*/ 7049 h 14097"/>
                <a:gd name="connsiteX3" fmla="*/ 6953 w 14097"/>
                <a:gd name="connsiteY3" fmla="*/ 0 h 14097"/>
                <a:gd name="connsiteX4" fmla="*/ 14097 w 14097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7">
                  <a:moveTo>
                    <a:pt x="14097" y="7049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048" y="0"/>
                    <a:pt x="6953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03" name="Freeform: Shape 1102">
              <a:extLst>
                <a:ext uri="{FF2B5EF4-FFF2-40B4-BE49-F238E27FC236}">
                  <a16:creationId xmlns:a16="http://schemas.microsoft.com/office/drawing/2014/main" id="{7C7DB7BB-8173-4377-85B0-032B7BDAB6D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0" y="3067039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8 w 14096"/>
                <a:gd name="connsiteY1" fmla="*/ 14097 h 14097"/>
                <a:gd name="connsiteX2" fmla="*/ 0 w 14096"/>
                <a:gd name="connsiteY2" fmla="*/ 7049 h 14097"/>
                <a:gd name="connsiteX3" fmla="*/ 7048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04" name="Freeform: Shape 1103">
              <a:extLst>
                <a:ext uri="{FF2B5EF4-FFF2-40B4-BE49-F238E27FC236}">
                  <a16:creationId xmlns:a16="http://schemas.microsoft.com/office/drawing/2014/main" id="{93EF69B4-3F48-4509-8BF8-926E23BC1D5E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65" y="3067039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9 w 14096"/>
                <a:gd name="connsiteY1" fmla="*/ 14097 h 14097"/>
                <a:gd name="connsiteX2" fmla="*/ 0 w 14096"/>
                <a:gd name="connsiteY2" fmla="*/ 7049 h 14097"/>
                <a:gd name="connsiteX3" fmla="*/ 6953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048" y="0"/>
                    <a:pt x="6953" y="0"/>
                  </a:cubicBezTo>
                  <a:cubicBezTo>
                    <a:pt x="10859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05" name="Freeform: Shape 1104">
              <a:extLst>
                <a:ext uri="{FF2B5EF4-FFF2-40B4-BE49-F238E27FC236}">
                  <a16:creationId xmlns:a16="http://schemas.microsoft.com/office/drawing/2014/main" id="{C1A86650-1EF5-46E3-885D-96985105A8BC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14" y="3067039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8 w 14096"/>
                <a:gd name="connsiteY1" fmla="*/ 14097 h 14097"/>
                <a:gd name="connsiteX2" fmla="*/ 0 w 14096"/>
                <a:gd name="connsiteY2" fmla="*/ 7049 h 14097"/>
                <a:gd name="connsiteX3" fmla="*/ 7048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06" name="Freeform: Shape 1105">
              <a:extLst>
                <a:ext uri="{FF2B5EF4-FFF2-40B4-BE49-F238E27FC236}">
                  <a16:creationId xmlns:a16="http://schemas.microsoft.com/office/drawing/2014/main" id="{47EBBDE2-BD90-481F-A671-34E2186FB0E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0" y="3067039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8 w 14096"/>
                <a:gd name="connsiteY1" fmla="*/ 14097 h 14097"/>
                <a:gd name="connsiteX2" fmla="*/ 0 w 14096"/>
                <a:gd name="connsiteY2" fmla="*/ 7049 h 14097"/>
                <a:gd name="connsiteX3" fmla="*/ 6953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048" y="0"/>
                    <a:pt x="6953" y="0"/>
                  </a:cubicBezTo>
                  <a:cubicBezTo>
                    <a:pt x="10858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07" name="Freeform: Shape 1106">
              <a:extLst>
                <a:ext uri="{FF2B5EF4-FFF2-40B4-BE49-F238E27FC236}">
                  <a16:creationId xmlns:a16="http://schemas.microsoft.com/office/drawing/2014/main" id="{87DAF1CB-838D-4C5C-8FB7-76BF677FEB0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0" y="3067039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8 w 14096"/>
                <a:gd name="connsiteY1" fmla="*/ 14097 h 14097"/>
                <a:gd name="connsiteX2" fmla="*/ 0 w 14096"/>
                <a:gd name="connsiteY2" fmla="*/ 7049 h 14097"/>
                <a:gd name="connsiteX3" fmla="*/ 7048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41"/>
                    <a:pt x="10941" y="14097"/>
                    <a:pt x="7048" y="14097"/>
                  </a:cubicBezTo>
                  <a:cubicBezTo>
                    <a:pt x="3156" y="14097"/>
                    <a:pt x="0" y="10941"/>
                    <a:pt x="0" y="7049"/>
                  </a:cubicBezTo>
                  <a:cubicBezTo>
                    <a:pt x="0" y="3156"/>
                    <a:pt x="3156" y="0"/>
                    <a:pt x="7048" y="0"/>
                  </a:cubicBezTo>
                  <a:cubicBezTo>
                    <a:pt x="10941" y="0"/>
                    <a:pt x="14097" y="3156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08" name="Freeform: Shape 1107">
              <a:extLst>
                <a:ext uri="{FF2B5EF4-FFF2-40B4-BE49-F238E27FC236}">
                  <a16:creationId xmlns:a16="http://schemas.microsoft.com/office/drawing/2014/main" id="{64573DA8-D2F3-4644-AC79-83843615C436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69" y="3126281"/>
              <a:ext cx="14097" cy="14099"/>
            </a:xfrm>
            <a:custGeom>
              <a:avLst/>
              <a:gdLst>
                <a:gd name="connsiteX0" fmla="*/ 14097 w 14097"/>
                <a:gd name="connsiteY0" fmla="*/ 7051 h 14099"/>
                <a:gd name="connsiteX1" fmla="*/ 7049 w 14097"/>
                <a:gd name="connsiteY1" fmla="*/ 14099 h 14099"/>
                <a:gd name="connsiteX2" fmla="*/ 0 w 14097"/>
                <a:gd name="connsiteY2" fmla="*/ 7051 h 14099"/>
                <a:gd name="connsiteX3" fmla="*/ 7049 w 14097"/>
                <a:gd name="connsiteY3" fmla="*/ 2 h 14099"/>
                <a:gd name="connsiteX4" fmla="*/ 14097 w 14097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9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9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09" name="Freeform: Shape 1108">
              <a:extLst>
                <a:ext uri="{FF2B5EF4-FFF2-40B4-BE49-F238E27FC236}">
                  <a16:creationId xmlns:a16="http://schemas.microsoft.com/office/drawing/2014/main" id="{41AB53B8-0D5C-44BD-A2A9-ABBF659E1F9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0" y="3126281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10" name="Freeform: Shape 1109">
              <a:extLst>
                <a:ext uri="{FF2B5EF4-FFF2-40B4-BE49-F238E27FC236}">
                  <a16:creationId xmlns:a16="http://schemas.microsoft.com/office/drawing/2014/main" id="{29B7FA60-B453-4877-8D47-CA1209DF91A6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65" y="3126281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9 w 14096"/>
                <a:gd name="connsiteY1" fmla="*/ 14099 h 14099"/>
                <a:gd name="connsiteX2" fmla="*/ 0 w 14096"/>
                <a:gd name="connsiteY2" fmla="*/ 7051 h 14099"/>
                <a:gd name="connsiteX3" fmla="*/ 7049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9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9" y="2"/>
                  </a:cubicBezTo>
                  <a:cubicBezTo>
                    <a:pt x="10859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11" name="Freeform: Shape 1110">
              <a:extLst>
                <a:ext uri="{FF2B5EF4-FFF2-40B4-BE49-F238E27FC236}">
                  <a16:creationId xmlns:a16="http://schemas.microsoft.com/office/drawing/2014/main" id="{7A6D2414-BCCC-40E8-B990-47642EFE96E8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14" y="3126281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12" name="Freeform: Shape 1111">
              <a:extLst>
                <a:ext uri="{FF2B5EF4-FFF2-40B4-BE49-F238E27FC236}">
                  <a16:creationId xmlns:a16="http://schemas.microsoft.com/office/drawing/2014/main" id="{B0F37C2B-B7E6-420D-AD39-3AE4A2FBE9B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0" y="3126281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858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13" name="Freeform: Shape 1112">
              <a:extLst>
                <a:ext uri="{FF2B5EF4-FFF2-40B4-BE49-F238E27FC236}">
                  <a16:creationId xmlns:a16="http://schemas.microsoft.com/office/drawing/2014/main" id="{F6417E45-D7FC-40B8-AD49-941B28D18CAE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0" y="3126283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8 w 14096"/>
                <a:gd name="connsiteY1" fmla="*/ 14097 h 14097"/>
                <a:gd name="connsiteX2" fmla="*/ 0 w 14096"/>
                <a:gd name="connsiteY2" fmla="*/ 7049 h 14097"/>
                <a:gd name="connsiteX3" fmla="*/ 7048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14" name="Freeform: Shape 1113">
              <a:extLst>
                <a:ext uri="{FF2B5EF4-FFF2-40B4-BE49-F238E27FC236}">
                  <a16:creationId xmlns:a16="http://schemas.microsoft.com/office/drawing/2014/main" id="{2A8D1963-0C59-476C-AAFA-A7AF4FF508FE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69" y="3185433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15" name="Freeform: Shape 1114">
              <a:extLst>
                <a:ext uri="{FF2B5EF4-FFF2-40B4-BE49-F238E27FC236}">
                  <a16:creationId xmlns:a16="http://schemas.microsoft.com/office/drawing/2014/main" id="{6BE777A9-EC29-46FC-AD21-AC7FD89B1358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0" y="3185433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16" name="Freeform: Shape 1115">
              <a:extLst>
                <a:ext uri="{FF2B5EF4-FFF2-40B4-BE49-F238E27FC236}">
                  <a16:creationId xmlns:a16="http://schemas.microsoft.com/office/drawing/2014/main" id="{C63BA1CE-93FB-42C7-8381-765E5002322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65" y="3185433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9 w 14096"/>
                <a:gd name="connsiteY1" fmla="*/ 14097 h 14096"/>
                <a:gd name="connsiteX2" fmla="*/ 0 w 14096"/>
                <a:gd name="connsiteY2" fmla="*/ 7048 h 14096"/>
                <a:gd name="connsiteX3" fmla="*/ 7049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859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17" name="Freeform: Shape 1116">
              <a:extLst>
                <a:ext uri="{FF2B5EF4-FFF2-40B4-BE49-F238E27FC236}">
                  <a16:creationId xmlns:a16="http://schemas.microsoft.com/office/drawing/2014/main" id="{7F30F275-ADC8-4FD1-8B4B-673B37517B2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14" y="3185433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18" name="Freeform: Shape 1117">
              <a:extLst>
                <a:ext uri="{FF2B5EF4-FFF2-40B4-BE49-F238E27FC236}">
                  <a16:creationId xmlns:a16="http://schemas.microsoft.com/office/drawing/2014/main" id="{DB20529C-F2DD-4607-8DEE-19A9329686A8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0" y="3185433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858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19" name="Freeform: Shape 1118">
              <a:extLst>
                <a:ext uri="{FF2B5EF4-FFF2-40B4-BE49-F238E27FC236}">
                  <a16:creationId xmlns:a16="http://schemas.microsoft.com/office/drawing/2014/main" id="{B8029A9A-DFF9-49CE-8CEE-95A6695F396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0" y="3185432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8 w 14096"/>
                <a:gd name="connsiteY1" fmla="*/ 14097 h 14097"/>
                <a:gd name="connsiteX2" fmla="*/ 0 w 14096"/>
                <a:gd name="connsiteY2" fmla="*/ 7049 h 14097"/>
                <a:gd name="connsiteX3" fmla="*/ 7048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41"/>
                    <a:pt x="10941" y="14097"/>
                    <a:pt x="7048" y="14097"/>
                  </a:cubicBezTo>
                  <a:cubicBezTo>
                    <a:pt x="3156" y="14097"/>
                    <a:pt x="0" y="10941"/>
                    <a:pt x="0" y="7049"/>
                  </a:cubicBezTo>
                  <a:cubicBezTo>
                    <a:pt x="0" y="3156"/>
                    <a:pt x="3156" y="0"/>
                    <a:pt x="7048" y="0"/>
                  </a:cubicBezTo>
                  <a:cubicBezTo>
                    <a:pt x="10941" y="0"/>
                    <a:pt x="14097" y="3156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20" name="Freeform: Shape 1119">
              <a:extLst>
                <a:ext uri="{FF2B5EF4-FFF2-40B4-BE49-F238E27FC236}">
                  <a16:creationId xmlns:a16="http://schemas.microsoft.com/office/drawing/2014/main" id="{6822C2EC-B05D-4CE6-9D59-164769D0ED1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69" y="3244676"/>
              <a:ext cx="14097" cy="14099"/>
            </a:xfrm>
            <a:custGeom>
              <a:avLst/>
              <a:gdLst>
                <a:gd name="connsiteX0" fmla="*/ 14097 w 14097"/>
                <a:gd name="connsiteY0" fmla="*/ 7051 h 14099"/>
                <a:gd name="connsiteX1" fmla="*/ 7049 w 14097"/>
                <a:gd name="connsiteY1" fmla="*/ 14099 h 14099"/>
                <a:gd name="connsiteX2" fmla="*/ 0 w 14097"/>
                <a:gd name="connsiteY2" fmla="*/ 7051 h 14099"/>
                <a:gd name="connsiteX3" fmla="*/ 7049 w 14097"/>
                <a:gd name="connsiteY3" fmla="*/ 2 h 14099"/>
                <a:gd name="connsiteX4" fmla="*/ 14097 w 14097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9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9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21" name="Freeform: Shape 1120">
              <a:extLst>
                <a:ext uri="{FF2B5EF4-FFF2-40B4-BE49-F238E27FC236}">
                  <a16:creationId xmlns:a16="http://schemas.microsoft.com/office/drawing/2014/main" id="{53A0760F-F576-4A97-94AF-8BBE590844EC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0" y="3244676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22" name="Freeform: Shape 1121">
              <a:extLst>
                <a:ext uri="{FF2B5EF4-FFF2-40B4-BE49-F238E27FC236}">
                  <a16:creationId xmlns:a16="http://schemas.microsoft.com/office/drawing/2014/main" id="{CA76721C-646A-4910-AD1A-BE6B67767CA8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65" y="3244676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9 w 14096"/>
                <a:gd name="connsiteY1" fmla="*/ 14099 h 14099"/>
                <a:gd name="connsiteX2" fmla="*/ 0 w 14096"/>
                <a:gd name="connsiteY2" fmla="*/ 7051 h 14099"/>
                <a:gd name="connsiteX3" fmla="*/ 7049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9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9" y="2"/>
                  </a:cubicBezTo>
                  <a:cubicBezTo>
                    <a:pt x="10859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23" name="Freeform: Shape 1122">
              <a:extLst>
                <a:ext uri="{FF2B5EF4-FFF2-40B4-BE49-F238E27FC236}">
                  <a16:creationId xmlns:a16="http://schemas.microsoft.com/office/drawing/2014/main" id="{065D4766-CAEC-4074-A9E2-6110A123896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14" y="3244676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24" name="Freeform: Shape 1123">
              <a:extLst>
                <a:ext uri="{FF2B5EF4-FFF2-40B4-BE49-F238E27FC236}">
                  <a16:creationId xmlns:a16="http://schemas.microsoft.com/office/drawing/2014/main" id="{4F1A0AC6-319D-49D8-A4FB-17A70E8E898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0" y="3244676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858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25" name="Freeform: Shape 1124">
              <a:extLst>
                <a:ext uri="{FF2B5EF4-FFF2-40B4-BE49-F238E27FC236}">
                  <a16:creationId xmlns:a16="http://schemas.microsoft.com/office/drawing/2014/main" id="{79502B48-2B92-45BF-B9AC-1102B380782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0" y="3244679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26" name="Freeform: Shape 1125">
              <a:extLst>
                <a:ext uri="{FF2B5EF4-FFF2-40B4-BE49-F238E27FC236}">
                  <a16:creationId xmlns:a16="http://schemas.microsoft.com/office/drawing/2014/main" id="{6363AFA7-321F-431C-B2FD-ADCB4D24BDD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69" y="3303829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27" name="Freeform: Shape 1126">
              <a:extLst>
                <a:ext uri="{FF2B5EF4-FFF2-40B4-BE49-F238E27FC236}">
                  <a16:creationId xmlns:a16="http://schemas.microsoft.com/office/drawing/2014/main" id="{33EDDE1B-7379-4973-8CFD-F3C737104D1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0" y="3303829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28" name="Freeform: Shape 1127">
              <a:extLst>
                <a:ext uri="{FF2B5EF4-FFF2-40B4-BE49-F238E27FC236}">
                  <a16:creationId xmlns:a16="http://schemas.microsoft.com/office/drawing/2014/main" id="{1F20B58A-2DB8-46B2-9E93-9C8C817DCD6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65" y="3303829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9 w 14096"/>
                <a:gd name="connsiteY1" fmla="*/ 14097 h 14096"/>
                <a:gd name="connsiteX2" fmla="*/ 0 w 14096"/>
                <a:gd name="connsiteY2" fmla="*/ 7048 h 14096"/>
                <a:gd name="connsiteX3" fmla="*/ 7049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859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29" name="Freeform: Shape 1128">
              <a:extLst>
                <a:ext uri="{FF2B5EF4-FFF2-40B4-BE49-F238E27FC236}">
                  <a16:creationId xmlns:a16="http://schemas.microsoft.com/office/drawing/2014/main" id="{A5A3EF12-3DA1-4505-A44B-1B963488736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14" y="3303829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30" name="Freeform: Shape 1129">
              <a:extLst>
                <a:ext uri="{FF2B5EF4-FFF2-40B4-BE49-F238E27FC236}">
                  <a16:creationId xmlns:a16="http://schemas.microsoft.com/office/drawing/2014/main" id="{5B08812B-9264-47E7-8EC8-1233869F6BA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0" y="3303829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858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31" name="Freeform: Shape 1130">
              <a:extLst>
                <a:ext uri="{FF2B5EF4-FFF2-40B4-BE49-F238E27FC236}">
                  <a16:creationId xmlns:a16="http://schemas.microsoft.com/office/drawing/2014/main" id="{2A29F226-A243-410B-BEE4-EBA9DD76F8D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0" y="3303829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32" name="Freeform: Shape 1131">
              <a:extLst>
                <a:ext uri="{FF2B5EF4-FFF2-40B4-BE49-F238E27FC236}">
                  <a16:creationId xmlns:a16="http://schemas.microsoft.com/office/drawing/2014/main" id="{9DF57348-F837-475C-A7AA-3C7210041E3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69" y="3363072"/>
              <a:ext cx="14097" cy="14099"/>
            </a:xfrm>
            <a:custGeom>
              <a:avLst/>
              <a:gdLst>
                <a:gd name="connsiteX0" fmla="*/ 14097 w 14097"/>
                <a:gd name="connsiteY0" fmla="*/ 7051 h 14099"/>
                <a:gd name="connsiteX1" fmla="*/ 7049 w 14097"/>
                <a:gd name="connsiteY1" fmla="*/ 14099 h 14099"/>
                <a:gd name="connsiteX2" fmla="*/ 0 w 14097"/>
                <a:gd name="connsiteY2" fmla="*/ 7051 h 14099"/>
                <a:gd name="connsiteX3" fmla="*/ 7049 w 14097"/>
                <a:gd name="connsiteY3" fmla="*/ 2 h 14099"/>
                <a:gd name="connsiteX4" fmla="*/ 14097 w 14097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9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9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33" name="Freeform: Shape 1132">
              <a:extLst>
                <a:ext uri="{FF2B5EF4-FFF2-40B4-BE49-F238E27FC236}">
                  <a16:creationId xmlns:a16="http://schemas.microsoft.com/office/drawing/2014/main" id="{1E41B89A-9A45-4947-ADB0-9400400498B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0" y="336307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34" name="Freeform: Shape 1133">
              <a:extLst>
                <a:ext uri="{FF2B5EF4-FFF2-40B4-BE49-F238E27FC236}">
                  <a16:creationId xmlns:a16="http://schemas.microsoft.com/office/drawing/2014/main" id="{6C1F1525-32BC-46E1-84E6-C2BB88730B8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65" y="336307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9 w 14096"/>
                <a:gd name="connsiteY1" fmla="*/ 14099 h 14099"/>
                <a:gd name="connsiteX2" fmla="*/ 0 w 14096"/>
                <a:gd name="connsiteY2" fmla="*/ 7051 h 14099"/>
                <a:gd name="connsiteX3" fmla="*/ 7049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9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9" y="2"/>
                  </a:cubicBezTo>
                  <a:cubicBezTo>
                    <a:pt x="10859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35" name="Freeform: Shape 1134">
              <a:extLst>
                <a:ext uri="{FF2B5EF4-FFF2-40B4-BE49-F238E27FC236}">
                  <a16:creationId xmlns:a16="http://schemas.microsoft.com/office/drawing/2014/main" id="{C73A8972-BA44-40C6-B045-83E78C4D4A68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14" y="336307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36" name="Freeform: Shape 1135">
              <a:extLst>
                <a:ext uri="{FF2B5EF4-FFF2-40B4-BE49-F238E27FC236}">
                  <a16:creationId xmlns:a16="http://schemas.microsoft.com/office/drawing/2014/main" id="{C196E956-03D1-4F79-826A-A2F5E3DEF18C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0" y="3363072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858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37" name="Freeform: Shape 1136">
              <a:extLst>
                <a:ext uri="{FF2B5EF4-FFF2-40B4-BE49-F238E27FC236}">
                  <a16:creationId xmlns:a16="http://schemas.microsoft.com/office/drawing/2014/main" id="{ADA7B07B-EAC8-4FA5-B14F-3ABF8BA7A27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0" y="3363074"/>
              <a:ext cx="14096" cy="14097"/>
            </a:xfrm>
            <a:custGeom>
              <a:avLst/>
              <a:gdLst>
                <a:gd name="connsiteX0" fmla="*/ 14097 w 14096"/>
                <a:gd name="connsiteY0" fmla="*/ 7048 h 14097"/>
                <a:gd name="connsiteX1" fmla="*/ 7048 w 14096"/>
                <a:gd name="connsiteY1" fmla="*/ 14097 h 14097"/>
                <a:gd name="connsiteX2" fmla="*/ 0 w 14096"/>
                <a:gd name="connsiteY2" fmla="*/ 7048 h 14097"/>
                <a:gd name="connsiteX3" fmla="*/ 7048 w 14096"/>
                <a:gd name="connsiteY3" fmla="*/ 0 h 14097"/>
                <a:gd name="connsiteX4" fmla="*/ 14097 w 14096"/>
                <a:gd name="connsiteY4" fmla="*/ 7048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38" name="Freeform: Shape 1137">
              <a:extLst>
                <a:ext uri="{FF2B5EF4-FFF2-40B4-BE49-F238E27FC236}">
                  <a16:creationId xmlns:a16="http://schemas.microsoft.com/office/drawing/2014/main" id="{93C28672-FF9E-4FE0-AC47-2FDD26CD756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69" y="3422225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39" name="Freeform: Shape 1138">
              <a:extLst>
                <a:ext uri="{FF2B5EF4-FFF2-40B4-BE49-F238E27FC236}">
                  <a16:creationId xmlns:a16="http://schemas.microsoft.com/office/drawing/2014/main" id="{E347BAB3-EA9C-4ADD-AE5E-28F2E3C538A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0" y="342222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40" name="Freeform: Shape 1139">
              <a:extLst>
                <a:ext uri="{FF2B5EF4-FFF2-40B4-BE49-F238E27FC236}">
                  <a16:creationId xmlns:a16="http://schemas.microsoft.com/office/drawing/2014/main" id="{321920C4-EE31-4F03-A0D5-A280D3F4B10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65" y="342222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9 w 14096"/>
                <a:gd name="connsiteY1" fmla="*/ 14097 h 14096"/>
                <a:gd name="connsiteX2" fmla="*/ 0 w 14096"/>
                <a:gd name="connsiteY2" fmla="*/ 7048 h 14096"/>
                <a:gd name="connsiteX3" fmla="*/ 7049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859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41" name="Freeform: Shape 1140">
              <a:extLst>
                <a:ext uri="{FF2B5EF4-FFF2-40B4-BE49-F238E27FC236}">
                  <a16:creationId xmlns:a16="http://schemas.microsoft.com/office/drawing/2014/main" id="{6EBB3D05-4C78-4F10-8D03-8909DBCFB32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14" y="342222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42" name="Freeform: Shape 1141">
              <a:extLst>
                <a:ext uri="{FF2B5EF4-FFF2-40B4-BE49-F238E27FC236}">
                  <a16:creationId xmlns:a16="http://schemas.microsoft.com/office/drawing/2014/main" id="{FC65F531-84E4-463F-8791-EB6EDFA639A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0" y="342222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858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43" name="Freeform: Shape 1142">
              <a:extLst>
                <a:ext uri="{FF2B5EF4-FFF2-40B4-BE49-F238E27FC236}">
                  <a16:creationId xmlns:a16="http://schemas.microsoft.com/office/drawing/2014/main" id="{A63BB6A3-D482-43F2-9F5F-20E163CC441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0" y="3422224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44" name="Freeform: Shape 1143">
              <a:extLst>
                <a:ext uri="{FF2B5EF4-FFF2-40B4-BE49-F238E27FC236}">
                  <a16:creationId xmlns:a16="http://schemas.microsoft.com/office/drawing/2014/main" id="{ABDCCD34-EB5D-4194-8A28-1424E98AE45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8" y="3481374"/>
              <a:ext cx="14192" cy="14096"/>
            </a:xfrm>
            <a:custGeom>
              <a:avLst/>
              <a:gdLst>
                <a:gd name="connsiteX0" fmla="*/ 14192 w 14192"/>
                <a:gd name="connsiteY0" fmla="*/ 7049 h 14096"/>
                <a:gd name="connsiteX1" fmla="*/ 7144 w 14192"/>
                <a:gd name="connsiteY1" fmla="*/ 14097 h 14096"/>
                <a:gd name="connsiteX2" fmla="*/ 0 w 14192"/>
                <a:gd name="connsiteY2" fmla="*/ 7049 h 14096"/>
                <a:gd name="connsiteX3" fmla="*/ 7049 w 14192"/>
                <a:gd name="connsiteY3" fmla="*/ 0 h 14096"/>
                <a:gd name="connsiteX4" fmla="*/ 14192 w 14192"/>
                <a:gd name="connsiteY4" fmla="*/ 7049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6">
                  <a:moveTo>
                    <a:pt x="14192" y="7049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1049"/>
                    <a:pt x="0" y="7049"/>
                  </a:cubicBezTo>
                  <a:cubicBezTo>
                    <a:pt x="0" y="3048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45" name="Freeform: Shape 1144">
              <a:extLst>
                <a:ext uri="{FF2B5EF4-FFF2-40B4-BE49-F238E27FC236}">
                  <a16:creationId xmlns:a16="http://schemas.microsoft.com/office/drawing/2014/main" id="{F058544E-163D-4FFF-9A69-0B3A3F2D66C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3" y="3481374"/>
              <a:ext cx="14097" cy="14097"/>
            </a:xfrm>
            <a:custGeom>
              <a:avLst/>
              <a:gdLst>
                <a:gd name="connsiteX0" fmla="*/ 14097 w 14097"/>
                <a:gd name="connsiteY0" fmla="*/ 7049 h 14097"/>
                <a:gd name="connsiteX1" fmla="*/ 7049 w 14097"/>
                <a:gd name="connsiteY1" fmla="*/ 14097 h 14097"/>
                <a:gd name="connsiteX2" fmla="*/ 0 w 14097"/>
                <a:gd name="connsiteY2" fmla="*/ 7049 h 14097"/>
                <a:gd name="connsiteX3" fmla="*/ 7049 w 14097"/>
                <a:gd name="connsiteY3" fmla="*/ 0 h 14097"/>
                <a:gd name="connsiteX4" fmla="*/ 14097 w 14097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7">
                  <a:moveTo>
                    <a:pt x="14097" y="7049"/>
                  </a:moveTo>
                  <a:cubicBezTo>
                    <a:pt x="14097" y="10941"/>
                    <a:pt x="10941" y="14097"/>
                    <a:pt x="7049" y="14097"/>
                  </a:cubicBezTo>
                  <a:cubicBezTo>
                    <a:pt x="3156" y="14097"/>
                    <a:pt x="0" y="10941"/>
                    <a:pt x="0" y="7049"/>
                  </a:cubicBezTo>
                  <a:cubicBezTo>
                    <a:pt x="0" y="3156"/>
                    <a:pt x="3156" y="0"/>
                    <a:pt x="7049" y="0"/>
                  </a:cubicBezTo>
                  <a:cubicBezTo>
                    <a:pt x="10941" y="0"/>
                    <a:pt x="14097" y="3156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46" name="Freeform: Shape 1145">
              <a:extLst>
                <a:ext uri="{FF2B5EF4-FFF2-40B4-BE49-F238E27FC236}">
                  <a16:creationId xmlns:a16="http://schemas.microsoft.com/office/drawing/2014/main" id="{11041486-0577-4F0E-8DD5-5E20E26729C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3" y="3481374"/>
              <a:ext cx="14096" cy="14096"/>
            </a:xfrm>
            <a:custGeom>
              <a:avLst/>
              <a:gdLst>
                <a:gd name="connsiteX0" fmla="*/ 14097 w 14096"/>
                <a:gd name="connsiteY0" fmla="*/ 7049 h 14096"/>
                <a:gd name="connsiteX1" fmla="*/ 7048 w 14096"/>
                <a:gd name="connsiteY1" fmla="*/ 14097 h 14096"/>
                <a:gd name="connsiteX2" fmla="*/ 0 w 14096"/>
                <a:gd name="connsiteY2" fmla="*/ 7049 h 14096"/>
                <a:gd name="connsiteX3" fmla="*/ 7048 w 14096"/>
                <a:gd name="connsiteY3" fmla="*/ 0 h 14096"/>
                <a:gd name="connsiteX4" fmla="*/ 14097 w 14096"/>
                <a:gd name="connsiteY4" fmla="*/ 7049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47" name="Freeform: Shape 1146">
              <a:extLst>
                <a:ext uri="{FF2B5EF4-FFF2-40B4-BE49-F238E27FC236}">
                  <a16:creationId xmlns:a16="http://schemas.microsoft.com/office/drawing/2014/main" id="{71D11099-C84E-43AC-9F20-92460E17084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8" y="3481374"/>
              <a:ext cx="14096" cy="14096"/>
            </a:xfrm>
            <a:custGeom>
              <a:avLst/>
              <a:gdLst>
                <a:gd name="connsiteX0" fmla="*/ 14097 w 14096"/>
                <a:gd name="connsiteY0" fmla="*/ 7049 h 14096"/>
                <a:gd name="connsiteX1" fmla="*/ 7048 w 14096"/>
                <a:gd name="connsiteY1" fmla="*/ 14097 h 14096"/>
                <a:gd name="connsiteX2" fmla="*/ 0 w 14096"/>
                <a:gd name="connsiteY2" fmla="*/ 7049 h 14096"/>
                <a:gd name="connsiteX3" fmla="*/ 7048 w 14096"/>
                <a:gd name="connsiteY3" fmla="*/ 0 h 14096"/>
                <a:gd name="connsiteX4" fmla="*/ 14097 w 14096"/>
                <a:gd name="connsiteY4" fmla="*/ 7049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48" name="Freeform: Shape 1147">
              <a:extLst>
                <a:ext uri="{FF2B5EF4-FFF2-40B4-BE49-F238E27FC236}">
                  <a16:creationId xmlns:a16="http://schemas.microsoft.com/office/drawing/2014/main" id="{E598FB87-8AFF-4C56-9E2C-776F4641E94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8" y="3481374"/>
              <a:ext cx="14096" cy="14096"/>
            </a:xfrm>
            <a:custGeom>
              <a:avLst/>
              <a:gdLst>
                <a:gd name="connsiteX0" fmla="*/ 14097 w 14096"/>
                <a:gd name="connsiteY0" fmla="*/ 7049 h 14096"/>
                <a:gd name="connsiteX1" fmla="*/ 7048 w 14096"/>
                <a:gd name="connsiteY1" fmla="*/ 14097 h 14096"/>
                <a:gd name="connsiteX2" fmla="*/ 0 w 14096"/>
                <a:gd name="connsiteY2" fmla="*/ 7049 h 14096"/>
                <a:gd name="connsiteX3" fmla="*/ 7048 w 14096"/>
                <a:gd name="connsiteY3" fmla="*/ 0 h 14096"/>
                <a:gd name="connsiteX4" fmla="*/ 14097 w 14096"/>
                <a:gd name="connsiteY4" fmla="*/ 7049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49" name="Freeform: Shape 1148">
              <a:extLst>
                <a:ext uri="{FF2B5EF4-FFF2-40B4-BE49-F238E27FC236}">
                  <a16:creationId xmlns:a16="http://schemas.microsoft.com/office/drawing/2014/main" id="{7701E761-16DE-4350-9718-DD81B37FB97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4" y="3481374"/>
              <a:ext cx="14097" cy="14097"/>
            </a:xfrm>
            <a:custGeom>
              <a:avLst/>
              <a:gdLst>
                <a:gd name="connsiteX0" fmla="*/ 14097 w 14097"/>
                <a:gd name="connsiteY0" fmla="*/ 7049 h 14097"/>
                <a:gd name="connsiteX1" fmla="*/ 7049 w 14097"/>
                <a:gd name="connsiteY1" fmla="*/ 14097 h 14097"/>
                <a:gd name="connsiteX2" fmla="*/ 0 w 14097"/>
                <a:gd name="connsiteY2" fmla="*/ 7049 h 14097"/>
                <a:gd name="connsiteX3" fmla="*/ 7049 w 14097"/>
                <a:gd name="connsiteY3" fmla="*/ 0 h 14097"/>
                <a:gd name="connsiteX4" fmla="*/ 14097 w 14097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7">
                  <a:moveTo>
                    <a:pt x="14097" y="7049"/>
                  </a:moveTo>
                  <a:cubicBezTo>
                    <a:pt x="14097" y="10941"/>
                    <a:pt x="10941" y="14097"/>
                    <a:pt x="7049" y="14097"/>
                  </a:cubicBezTo>
                  <a:cubicBezTo>
                    <a:pt x="3156" y="14097"/>
                    <a:pt x="0" y="10941"/>
                    <a:pt x="0" y="7049"/>
                  </a:cubicBezTo>
                  <a:cubicBezTo>
                    <a:pt x="0" y="3156"/>
                    <a:pt x="3156" y="0"/>
                    <a:pt x="7049" y="0"/>
                  </a:cubicBezTo>
                  <a:cubicBezTo>
                    <a:pt x="10941" y="0"/>
                    <a:pt x="14097" y="3156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50" name="Freeform: Shape 1149">
              <a:extLst>
                <a:ext uri="{FF2B5EF4-FFF2-40B4-BE49-F238E27FC236}">
                  <a16:creationId xmlns:a16="http://schemas.microsoft.com/office/drawing/2014/main" id="{552E747F-E415-4348-A11A-4CABCB64B5F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4" y="3481374"/>
              <a:ext cx="14096" cy="14096"/>
            </a:xfrm>
            <a:custGeom>
              <a:avLst/>
              <a:gdLst>
                <a:gd name="connsiteX0" fmla="*/ 14097 w 14096"/>
                <a:gd name="connsiteY0" fmla="*/ 7049 h 14096"/>
                <a:gd name="connsiteX1" fmla="*/ 7048 w 14096"/>
                <a:gd name="connsiteY1" fmla="*/ 14097 h 14096"/>
                <a:gd name="connsiteX2" fmla="*/ 0 w 14096"/>
                <a:gd name="connsiteY2" fmla="*/ 7049 h 14096"/>
                <a:gd name="connsiteX3" fmla="*/ 7048 w 14096"/>
                <a:gd name="connsiteY3" fmla="*/ 0 h 14096"/>
                <a:gd name="connsiteX4" fmla="*/ 14097 w 14096"/>
                <a:gd name="connsiteY4" fmla="*/ 7049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51" name="Freeform: Shape 1150">
              <a:extLst>
                <a:ext uri="{FF2B5EF4-FFF2-40B4-BE49-F238E27FC236}">
                  <a16:creationId xmlns:a16="http://schemas.microsoft.com/office/drawing/2014/main" id="{C6472F13-E6DE-4469-9563-F478261B6E6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8" y="3540620"/>
              <a:ext cx="14192" cy="14096"/>
            </a:xfrm>
            <a:custGeom>
              <a:avLst/>
              <a:gdLst>
                <a:gd name="connsiteX0" fmla="*/ 14192 w 14192"/>
                <a:gd name="connsiteY0" fmla="*/ 7048 h 14096"/>
                <a:gd name="connsiteX1" fmla="*/ 7144 w 14192"/>
                <a:gd name="connsiteY1" fmla="*/ 14097 h 14096"/>
                <a:gd name="connsiteX2" fmla="*/ 0 w 14192"/>
                <a:gd name="connsiteY2" fmla="*/ 7048 h 14096"/>
                <a:gd name="connsiteX3" fmla="*/ 7049 w 14192"/>
                <a:gd name="connsiteY3" fmla="*/ 0 h 14096"/>
                <a:gd name="connsiteX4" fmla="*/ 14192 w 14192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6">
                  <a:moveTo>
                    <a:pt x="14192" y="7048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52" name="Freeform: Shape 1151">
              <a:extLst>
                <a:ext uri="{FF2B5EF4-FFF2-40B4-BE49-F238E27FC236}">
                  <a16:creationId xmlns:a16="http://schemas.microsoft.com/office/drawing/2014/main" id="{5C72FE15-910B-4622-A14C-AFA2DFCC028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3" y="3540620"/>
              <a:ext cx="14097" cy="14097"/>
            </a:xfrm>
            <a:custGeom>
              <a:avLst/>
              <a:gdLst>
                <a:gd name="connsiteX0" fmla="*/ 14097 w 14097"/>
                <a:gd name="connsiteY0" fmla="*/ 7048 h 14097"/>
                <a:gd name="connsiteX1" fmla="*/ 7049 w 14097"/>
                <a:gd name="connsiteY1" fmla="*/ 14097 h 14097"/>
                <a:gd name="connsiteX2" fmla="*/ 0 w 14097"/>
                <a:gd name="connsiteY2" fmla="*/ 7048 h 14097"/>
                <a:gd name="connsiteX3" fmla="*/ 7049 w 14097"/>
                <a:gd name="connsiteY3" fmla="*/ 0 h 14097"/>
                <a:gd name="connsiteX4" fmla="*/ 14097 w 14097"/>
                <a:gd name="connsiteY4" fmla="*/ 7048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7">
                  <a:moveTo>
                    <a:pt x="14097" y="7048"/>
                  </a:moveTo>
                  <a:cubicBezTo>
                    <a:pt x="14097" y="10941"/>
                    <a:pt x="10941" y="14097"/>
                    <a:pt x="7049" y="14097"/>
                  </a:cubicBezTo>
                  <a:cubicBezTo>
                    <a:pt x="3156" y="14097"/>
                    <a:pt x="0" y="10941"/>
                    <a:pt x="0" y="7048"/>
                  </a:cubicBezTo>
                  <a:cubicBezTo>
                    <a:pt x="0" y="3156"/>
                    <a:pt x="3156" y="0"/>
                    <a:pt x="7049" y="0"/>
                  </a:cubicBezTo>
                  <a:cubicBezTo>
                    <a:pt x="10941" y="0"/>
                    <a:pt x="14097" y="3156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53" name="Freeform: Shape 1152">
              <a:extLst>
                <a:ext uri="{FF2B5EF4-FFF2-40B4-BE49-F238E27FC236}">
                  <a16:creationId xmlns:a16="http://schemas.microsoft.com/office/drawing/2014/main" id="{BAB8F759-DEFA-4D35-B76E-6D3034FB77D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3" y="3540620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54" name="Freeform: Shape 1153">
              <a:extLst>
                <a:ext uri="{FF2B5EF4-FFF2-40B4-BE49-F238E27FC236}">
                  <a16:creationId xmlns:a16="http://schemas.microsoft.com/office/drawing/2014/main" id="{A1BBCEBD-DCE2-4354-B878-49ABEC3679A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8" y="3540620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55" name="Freeform: Shape 1154">
              <a:extLst>
                <a:ext uri="{FF2B5EF4-FFF2-40B4-BE49-F238E27FC236}">
                  <a16:creationId xmlns:a16="http://schemas.microsoft.com/office/drawing/2014/main" id="{2CBB3A18-0021-403F-8E24-8805829B429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8" y="3540620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56" name="Freeform: Shape 1155">
              <a:extLst>
                <a:ext uri="{FF2B5EF4-FFF2-40B4-BE49-F238E27FC236}">
                  <a16:creationId xmlns:a16="http://schemas.microsoft.com/office/drawing/2014/main" id="{8FDF7AAC-1EC6-4409-90AB-DBB984883D0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4" y="3540620"/>
              <a:ext cx="14097" cy="14097"/>
            </a:xfrm>
            <a:custGeom>
              <a:avLst/>
              <a:gdLst>
                <a:gd name="connsiteX0" fmla="*/ 14097 w 14097"/>
                <a:gd name="connsiteY0" fmla="*/ 7048 h 14097"/>
                <a:gd name="connsiteX1" fmla="*/ 7049 w 14097"/>
                <a:gd name="connsiteY1" fmla="*/ 14097 h 14097"/>
                <a:gd name="connsiteX2" fmla="*/ 0 w 14097"/>
                <a:gd name="connsiteY2" fmla="*/ 7048 h 14097"/>
                <a:gd name="connsiteX3" fmla="*/ 7049 w 14097"/>
                <a:gd name="connsiteY3" fmla="*/ 0 h 14097"/>
                <a:gd name="connsiteX4" fmla="*/ 14097 w 14097"/>
                <a:gd name="connsiteY4" fmla="*/ 7048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7">
                  <a:moveTo>
                    <a:pt x="14097" y="7048"/>
                  </a:moveTo>
                  <a:cubicBezTo>
                    <a:pt x="14097" y="10941"/>
                    <a:pt x="10941" y="14097"/>
                    <a:pt x="7049" y="14097"/>
                  </a:cubicBezTo>
                  <a:cubicBezTo>
                    <a:pt x="3156" y="14097"/>
                    <a:pt x="0" y="10941"/>
                    <a:pt x="0" y="7048"/>
                  </a:cubicBezTo>
                  <a:cubicBezTo>
                    <a:pt x="0" y="3156"/>
                    <a:pt x="3156" y="0"/>
                    <a:pt x="7049" y="0"/>
                  </a:cubicBezTo>
                  <a:cubicBezTo>
                    <a:pt x="10941" y="0"/>
                    <a:pt x="14097" y="3156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57" name="Freeform: Shape 1156">
              <a:extLst>
                <a:ext uri="{FF2B5EF4-FFF2-40B4-BE49-F238E27FC236}">
                  <a16:creationId xmlns:a16="http://schemas.microsoft.com/office/drawing/2014/main" id="{5B9999E8-7D25-4049-8328-685B556DC65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4" y="3540620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58" name="Freeform: Shape 1157">
              <a:extLst>
                <a:ext uri="{FF2B5EF4-FFF2-40B4-BE49-F238E27FC236}">
                  <a16:creationId xmlns:a16="http://schemas.microsoft.com/office/drawing/2014/main" id="{E77FC8A9-DEAE-424D-B460-12E0F3268DC6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8" y="3599770"/>
              <a:ext cx="14192" cy="14096"/>
            </a:xfrm>
            <a:custGeom>
              <a:avLst/>
              <a:gdLst>
                <a:gd name="connsiteX0" fmla="*/ 14192 w 14192"/>
                <a:gd name="connsiteY0" fmla="*/ 7048 h 14096"/>
                <a:gd name="connsiteX1" fmla="*/ 7144 w 14192"/>
                <a:gd name="connsiteY1" fmla="*/ 14097 h 14096"/>
                <a:gd name="connsiteX2" fmla="*/ 0 w 14192"/>
                <a:gd name="connsiteY2" fmla="*/ 7048 h 14096"/>
                <a:gd name="connsiteX3" fmla="*/ 7049 w 14192"/>
                <a:gd name="connsiteY3" fmla="*/ 0 h 14096"/>
                <a:gd name="connsiteX4" fmla="*/ 14192 w 14192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6">
                  <a:moveTo>
                    <a:pt x="14192" y="7048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59" name="Freeform: Shape 1158">
              <a:extLst>
                <a:ext uri="{FF2B5EF4-FFF2-40B4-BE49-F238E27FC236}">
                  <a16:creationId xmlns:a16="http://schemas.microsoft.com/office/drawing/2014/main" id="{54F9C69A-0DCF-444A-B970-32B4120483DE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3" y="3599770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60" name="Freeform: Shape 1159">
              <a:extLst>
                <a:ext uri="{FF2B5EF4-FFF2-40B4-BE49-F238E27FC236}">
                  <a16:creationId xmlns:a16="http://schemas.microsoft.com/office/drawing/2014/main" id="{8BD94DDA-54FF-48EE-9DAC-C0EA6F91D4A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3" y="3599770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61" name="Freeform: Shape 1160">
              <a:extLst>
                <a:ext uri="{FF2B5EF4-FFF2-40B4-BE49-F238E27FC236}">
                  <a16:creationId xmlns:a16="http://schemas.microsoft.com/office/drawing/2014/main" id="{E18A6989-0132-4CB7-BB68-EEBC4E0806A8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8" y="3599770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62" name="Freeform: Shape 1161">
              <a:extLst>
                <a:ext uri="{FF2B5EF4-FFF2-40B4-BE49-F238E27FC236}">
                  <a16:creationId xmlns:a16="http://schemas.microsoft.com/office/drawing/2014/main" id="{A1357332-D19F-4C2B-B474-21D5539B908C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8" y="3599770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63" name="Freeform: Shape 1162">
              <a:extLst>
                <a:ext uri="{FF2B5EF4-FFF2-40B4-BE49-F238E27FC236}">
                  <a16:creationId xmlns:a16="http://schemas.microsoft.com/office/drawing/2014/main" id="{295C7590-8B80-428C-95A9-638B2654257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3" y="3599770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8 w 14097"/>
                <a:gd name="connsiteY1" fmla="*/ 14097 h 14096"/>
                <a:gd name="connsiteX2" fmla="*/ 0 w 14097"/>
                <a:gd name="connsiteY2" fmla="*/ 7048 h 14096"/>
                <a:gd name="connsiteX3" fmla="*/ 7048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64" name="Freeform: Shape 1163">
              <a:extLst>
                <a:ext uri="{FF2B5EF4-FFF2-40B4-BE49-F238E27FC236}">
                  <a16:creationId xmlns:a16="http://schemas.microsoft.com/office/drawing/2014/main" id="{CA0E8A31-7520-4726-9D96-43BA87407E0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4" y="3599770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65" name="Freeform: Shape 1164">
              <a:extLst>
                <a:ext uri="{FF2B5EF4-FFF2-40B4-BE49-F238E27FC236}">
                  <a16:creationId xmlns:a16="http://schemas.microsoft.com/office/drawing/2014/main" id="{9407EEE0-5D8E-4CCC-A91B-0CB523227CF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7" y="3659014"/>
              <a:ext cx="14192" cy="14096"/>
            </a:xfrm>
            <a:custGeom>
              <a:avLst/>
              <a:gdLst>
                <a:gd name="connsiteX0" fmla="*/ 14192 w 14192"/>
                <a:gd name="connsiteY0" fmla="*/ 7048 h 14096"/>
                <a:gd name="connsiteX1" fmla="*/ 7144 w 14192"/>
                <a:gd name="connsiteY1" fmla="*/ 14097 h 14096"/>
                <a:gd name="connsiteX2" fmla="*/ 0 w 14192"/>
                <a:gd name="connsiteY2" fmla="*/ 7048 h 14096"/>
                <a:gd name="connsiteX3" fmla="*/ 7049 w 14192"/>
                <a:gd name="connsiteY3" fmla="*/ 0 h 14096"/>
                <a:gd name="connsiteX4" fmla="*/ 14192 w 14192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6">
                  <a:moveTo>
                    <a:pt x="14192" y="7048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66" name="Freeform: Shape 1165">
              <a:extLst>
                <a:ext uri="{FF2B5EF4-FFF2-40B4-BE49-F238E27FC236}">
                  <a16:creationId xmlns:a16="http://schemas.microsoft.com/office/drawing/2014/main" id="{3799DFCC-868B-4257-B530-8E8D616CC5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2" y="3659014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67" name="Freeform: Shape 1166">
              <a:extLst>
                <a:ext uri="{FF2B5EF4-FFF2-40B4-BE49-F238E27FC236}">
                  <a16:creationId xmlns:a16="http://schemas.microsoft.com/office/drawing/2014/main" id="{F7F5EEB5-FE82-45A8-97C4-88460ABAFB3C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2" y="3659014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68" name="Freeform: Shape 1167">
              <a:extLst>
                <a:ext uri="{FF2B5EF4-FFF2-40B4-BE49-F238E27FC236}">
                  <a16:creationId xmlns:a16="http://schemas.microsoft.com/office/drawing/2014/main" id="{CD76E4C7-EB07-499D-9BC3-FF39C8B613FC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8" y="3659014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69" name="Freeform: Shape 1168">
              <a:extLst>
                <a:ext uri="{FF2B5EF4-FFF2-40B4-BE49-F238E27FC236}">
                  <a16:creationId xmlns:a16="http://schemas.microsoft.com/office/drawing/2014/main" id="{86EFDF8D-E5F7-4EB8-B8DA-3CC7E21D88A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8" y="3659014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70" name="Freeform: Shape 1169">
              <a:extLst>
                <a:ext uri="{FF2B5EF4-FFF2-40B4-BE49-F238E27FC236}">
                  <a16:creationId xmlns:a16="http://schemas.microsoft.com/office/drawing/2014/main" id="{2CA6506B-EACA-4FB2-81AB-E028F44786F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3" y="3659014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8 w 14097"/>
                <a:gd name="connsiteY1" fmla="*/ 14097 h 14096"/>
                <a:gd name="connsiteX2" fmla="*/ 0 w 14097"/>
                <a:gd name="connsiteY2" fmla="*/ 7048 h 14096"/>
                <a:gd name="connsiteX3" fmla="*/ 7048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71" name="Freeform: Shape 1170">
              <a:extLst>
                <a:ext uri="{FF2B5EF4-FFF2-40B4-BE49-F238E27FC236}">
                  <a16:creationId xmlns:a16="http://schemas.microsoft.com/office/drawing/2014/main" id="{193E4771-2787-4901-93D8-7E90F3F479A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4" y="3659014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72" name="Freeform: Shape 1171">
              <a:extLst>
                <a:ext uri="{FF2B5EF4-FFF2-40B4-BE49-F238E27FC236}">
                  <a16:creationId xmlns:a16="http://schemas.microsoft.com/office/drawing/2014/main" id="{0EA31773-15F1-4605-8787-6891ABB21186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39" y="3718165"/>
              <a:ext cx="14192" cy="14096"/>
            </a:xfrm>
            <a:custGeom>
              <a:avLst/>
              <a:gdLst>
                <a:gd name="connsiteX0" fmla="*/ 14192 w 14192"/>
                <a:gd name="connsiteY0" fmla="*/ 7048 h 14096"/>
                <a:gd name="connsiteX1" fmla="*/ 7144 w 14192"/>
                <a:gd name="connsiteY1" fmla="*/ 14097 h 14096"/>
                <a:gd name="connsiteX2" fmla="*/ 0 w 14192"/>
                <a:gd name="connsiteY2" fmla="*/ 7048 h 14096"/>
                <a:gd name="connsiteX3" fmla="*/ 7049 w 14192"/>
                <a:gd name="connsiteY3" fmla="*/ 0 h 14096"/>
                <a:gd name="connsiteX4" fmla="*/ 14192 w 14192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6">
                  <a:moveTo>
                    <a:pt x="14192" y="7048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73" name="Freeform: Shape 1172">
              <a:extLst>
                <a:ext uri="{FF2B5EF4-FFF2-40B4-BE49-F238E27FC236}">
                  <a16:creationId xmlns:a16="http://schemas.microsoft.com/office/drawing/2014/main" id="{1302C213-2CD5-4168-9534-111E6E81A8C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4" y="3718165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74" name="Freeform: Shape 1173">
              <a:extLst>
                <a:ext uri="{FF2B5EF4-FFF2-40B4-BE49-F238E27FC236}">
                  <a16:creationId xmlns:a16="http://schemas.microsoft.com/office/drawing/2014/main" id="{B9B36C24-2336-41FD-BAC4-6CD69DFD551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4" y="371816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75" name="Freeform: Shape 1174">
              <a:extLst>
                <a:ext uri="{FF2B5EF4-FFF2-40B4-BE49-F238E27FC236}">
                  <a16:creationId xmlns:a16="http://schemas.microsoft.com/office/drawing/2014/main" id="{CA3AFAFE-D376-4A7B-928B-833531472DD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79" y="371816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76" name="Freeform: Shape 1175">
              <a:extLst>
                <a:ext uri="{FF2B5EF4-FFF2-40B4-BE49-F238E27FC236}">
                  <a16:creationId xmlns:a16="http://schemas.microsoft.com/office/drawing/2014/main" id="{7C685A00-A4F7-4250-BAAA-70978DADE4E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29" y="371816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77" name="Freeform: Shape 1176">
              <a:extLst>
                <a:ext uri="{FF2B5EF4-FFF2-40B4-BE49-F238E27FC236}">
                  <a16:creationId xmlns:a16="http://schemas.microsoft.com/office/drawing/2014/main" id="{E52682F3-EDD5-4BDC-BB19-A4540873A83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74" y="3718165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8 w 14097"/>
                <a:gd name="connsiteY1" fmla="*/ 14097 h 14096"/>
                <a:gd name="connsiteX2" fmla="*/ 0 w 14097"/>
                <a:gd name="connsiteY2" fmla="*/ 7048 h 14096"/>
                <a:gd name="connsiteX3" fmla="*/ 7048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78" name="Freeform: Shape 1177">
              <a:extLst>
                <a:ext uri="{FF2B5EF4-FFF2-40B4-BE49-F238E27FC236}">
                  <a16:creationId xmlns:a16="http://schemas.microsoft.com/office/drawing/2014/main" id="{2C5E1880-CFBA-4547-9C23-6D2C4330484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25" y="3718165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79" name="Freeform: Shape 1178">
              <a:extLst>
                <a:ext uri="{FF2B5EF4-FFF2-40B4-BE49-F238E27FC236}">
                  <a16:creationId xmlns:a16="http://schemas.microsoft.com/office/drawing/2014/main" id="{439AAF4F-2AAD-4A02-A7FA-FE28D52869A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34040" y="3777410"/>
              <a:ext cx="14192" cy="14096"/>
            </a:xfrm>
            <a:custGeom>
              <a:avLst/>
              <a:gdLst>
                <a:gd name="connsiteX0" fmla="*/ 14192 w 14192"/>
                <a:gd name="connsiteY0" fmla="*/ 7048 h 14096"/>
                <a:gd name="connsiteX1" fmla="*/ 7144 w 14192"/>
                <a:gd name="connsiteY1" fmla="*/ 14097 h 14096"/>
                <a:gd name="connsiteX2" fmla="*/ 0 w 14192"/>
                <a:gd name="connsiteY2" fmla="*/ 7048 h 14096"/>
                <a:gd name="connsiteX3" fmla="*/ 7049 w 14192"/>
                <a:gd name="connsiteY3" fmla="*/ 0 h 14096"/>
                <a:gd name="connsiteX4" fmla="*/ 14192 w 14192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192" h="14096">
                  <a:moveTo>
                    <a:pt x="14192" y="7048"/>
                  </a:moveTo>
                  <a:cubicBezTo>
                    <a:pt x="14192" y="10954"/>
                    <a:pt x="11049" y="14097"/>
                    <a:pt x="7144" y="14097"/>
                  </a:cubicBezTo>
                  <a:cubicBezTo>
                    <a:pt x="3239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192" y="3143"/>
                    <a:pt x="14192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80" name="Freeform: Shape 1179">
              <a:extLst>
                <a:ext uri="{FF2B5EF4-FFF2-40B4-BE49-F238E27FC236}">
                  <a16:creationId xmlns:a16="http://schemas.microsoft.com/office/drawing/2014/main" id="{05614144-9309-41ED-8E05-839A6EEFF89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793285" y="3777410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41"/>
                    <a:pt x="10941" y="14097"/>
                    <a:pt x="7049" y="14097"/>
                  </a:cubicBezTo>
                  <a:cubicBezTo>
                    <a:pt x="3156" y="14097"/>
                    <a:pt x="0" y="10941"/>
                    <a:pt x="0" y="7048"/>
                  </a:cubicBezTo>
                  <a:cubicBezTo>
                    <a:pt x="0" y="3156"/>
                    <a:pt x="3156" y="0"/>
                    <a:pt x="7049" y="0"/>
                  </a:cubicBezTo>
                  <a:cubicBezTo>
                    <a:pt x="10941" y="0"/>
                    <a:pt x="14097" y="3156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81" name="Freeform: Shape 1180">
              <a:extLst>
                <a:ext uri="{FF2B5EF4-FFF2-40B4-BE49-F238E27FC236}">
                  <a16:creationId xmlns:a16="http://schemas.microsoft.com/office/drawing/2014/main" id="{24324D6F-A81D-45F2-BA36-C53F1AB0C67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852436" y="3777408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82" name="Freeform: Shape 1181">
              <a:extLst>
                <a:ext uri="{FF2B5EF4-FFF2-40B4-BE49-F238E27FC236}">
                  <a16:creationId xmlns:a16="http://schemas.microsoft.com/office/drawing/2014/main" id="{6B00668D-07BC-47CF-9D1E-F94EC7C56F4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11683" y="3777408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83" name="Freeform: Shape 1182">
              <a:extLst>
                <a:ext uri="{FF2B5EF4-FFF2-40B4-BE49-F238E27FC236}">
                  <a16:creationId xmlns:a16="http://schemas.microsoft.com/office/drawing/2014/main" id="{BCF78A89-29F2-4973-8463-DF3C57EFB4F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5970835" y="3777408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84" name="Freeform: Shape 1183">
              <a:extLst>
                <a:ext uri="{FF2B5EF4-FFF2-40B4-BE49-F238E27FC236}">
                  <a16:creationId xmlns:a16="http://schemas.microsoft.com/office/drawing/2014/main" id="{F5BCB645-FB02-40FC-99A4-06CA3F1B287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30082" y="3777410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41"/>
                    <a:pt x="10941" y="14097"/>
                    <a:pt x="7049" y="14097"/>
                  </a:cubicBezTo>
                  <a:cubicBezTo>
                    <a:pt x="3156" y="14097"/>
                    <a:pt x="0" y="10941"/>
                    <a:pt x="0" y="7048"/>
                  </a:cubicBezTo>
                  <a:cubicBezTo>
                    <a:pt x="0" y="3156"/>
                    <a:pt x="3156" y="0"/>
                    <a:pt x="7049" y="0"/>
                  </a:cubicBezTo>
                  <a:cubicBezTo>
                    <a:pt x="10941" y="0"/>
                    <a:pt x="14097" y="3156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85" name="Freeform: Shape 1184">
              <a:extLst>
                <a:ext uri="{FF2B5EF4-FFF2-40B4-BE49-F238E27FC236}">
                  <a16:creationId xmlns:a16="http://schemas.microsoft.com/office/drawing/2014/main" id="{F6115A3A-2FBE-4633-A426-37D05BC0712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89231" y="3777408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86" name="Freeform: Shape 1185">
              <a:extLst>
                <a:ext uri="{FF2B5EF4-FFF2-40B4-BE49-F238E27FC236}">
                  <a16:creationId xmlns:a16="http://schemas.microsoft.com/office/drawing/2014/main" id="{AEFD8D2F-B95A-4C0A-AE85-53171B29F5F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76" y="3481374"/>
              <a:ext cx="14097" cy="14096"/>
            </a:xfrm>
            <a:custGeom>
              <a:avLst/>
              <a:gdLst>
                <a:gd name="connsiteX0" fmla="*/ 14097 w 14097"/>
                <a:gd name="connsiteY0" fmla="*/ 7049 h 14096"/>
                <a:gd name="connsiteX1" fmla="*/ 7049 w 14097"/>
                <a:gd name="connsiteY1" fmla="*/ 14097 h 14096"/>
                <a:gd name="connsiteX2" fmla="*/ 0 w 14097"/>
                <a:gd name="connsiteY2" fmla="*/ 7049 h 14096"/>
                <a:gd name="connsiteX3" fmla="*/ 7049 w 14097"/>
                <a:gd name="connsiteY3" fmla="*/ 0 h 14096"/>
                <a:gd name="connsiteX4" fmla="*/ 14097 w 14097"/>
                <a:gd name="connsiteY4" fmla="*/ 7049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9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87" name="Freeform: Shape 1186">
              <a:extLst>
                <a:ext uri="{FF2B5EF4-FFF2-40B4-BE49-F238E27FC236}">
                  <a16:creationId xmlns:a16="http://schemas.microsoft.com/office/drawing/2014/main" id="{4DD4F397-1F35-4E06-8EC1-8F58C51912A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7" y="3481374"/>
              <a:ext cx="14096" cy="14096"/>
            </a:xfrm>
            <a:custGeom>
              <a:avLst/>
              <a:gdLst>
                <a:gd name="connsiteX0" fmla="*/ 14097 w 14096"/>
                <a:gd name="connsiteY0" fmla="*/ 7049 h 14096"/>
                <a:gd name="connsiteX1" fmla="*/ 7048 w 14096"/>
                <a:gd name="connsiteY1" fmla="*/ 14097 h 14096"/>
                <a:gd name="connsiteX2" fmla="*/ 0 w 14096"/>
                <a:gd name="connsiteY2" fmla="*/ 7049 h 14096"/>
                <a:gd name="connsiteX3" fmla="*/ 7048 w 14096"/>
                <a:gd name="connsiteY3" fmla="*/ 0 h 14096"/>
                <a:gd name="connsiteX4" fmla="*/ 14097 w 14096"/>
                <a:gd name="connsiteY4" fmla="*/ 7049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88" name="Freeform: Shape 1187">
              <a:extLst>
                <a:ext uri="{FF2B5EF4-FFF2-40B4-BE49-F238E27FC236}">
                  <a16:creationId xmlns:a16="http://schemas.microsoft.com/office/drawing/2014/main" id="{B031E5E0-C77D-49F7-ADF2-258D23052D9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72" y="3481374"/>
              <a:ext cx="14096" cy="14096"/>
            </a:xfrm>
            <a:custGeom>
              <a:avLst/>
              <a:gdLst>
                <a:gd name="connsiteX0" fmla="*/ 14097 w 14096"/>
                <a:gd name="connsiteY0" fmla="*/ 7049 h 14096"/>
                <a:gd name="connsiteX1" fmla="*/ 7049 w 14096"/>
                <a:gd name="connsiteY1" fmla="*/ 14097 h 14096"/>
                <a:gd name="connsiteX2" fmla="*/ 0 w 14096"/>
                <a:gd name="connsiteY2" fmla="*/ 7049 h 14096"/>
                <a:gd name="connsiteX3" fmla="*/ 7049 w 14096"/>
                <a:gd name="connsiteY3" fmla="*/ 0 h 14096"/>
                <a:gd name="connsiteX4" fmla="*/ 14097 w 14096"/>
                <a:gd name="connsiteY4" fmla="*/ 7049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9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859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89" name="Freeform: Shape 1188">
              <a:extLst>
                <a:ext uri="{FF2B5EF4-FFF2-40B4-BE49-F238E27FC236}">
                  <a16:creationId xmlns:a16="http://schemas.microsoft.com/office/drawing/2014/main" id="{3F044DE9-FE64-4C30-8191-7E1547880C4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22" y="3481374"/>
              <a:ext cx="14096" cy="14096"/>
            </a:xfrm>
            <a:custGeom>
              <a:avLst/>
              <a:gdLst>
                <a:gd name="connsiteX0" fmla="*/ 14097 w 14096"/>
                <a:gd name="connsiteY0" fmla="*/ 7049 h 14096"/>
                <a:gd name="connsiteX1" fmla="*/ 7048 w 14096"/>
                <a:gd name="connsiteY1" fmla="*/ 14097 h 14096"/>
                <a:gd name="connsiteX2" fmla="*/ 0 w 14096"/>
                <a:gd name="connsiteY2" fmla="*/ 7049 h 14096"/>
                <a:gd name="connsiteX3" fmla="*/ 7048 w 14096"/>
                <a:gd name="connsiteY3" fmla="*/ 0 h 14096"/>
                <a:gd name="connsiteX4" fmla="*/ 14097 w 14096"/>
                <a:gd name="connsiteY4" fmla="*/ 7049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90" name="Freeform: Shape 1189">
              <a:extLst>
                <a:ext uri="{FF2B5EF4-FFF2-40B4-BE49-F238E27FC236}">
                  <a16:creationId xmlns:a16="http://schemas.microsoft.com/office/drawing/2014/main" id="{9B18BCEB-85ED-4077-ACB7-FEB2F64432C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8" y="3481374"/>
              <a:ext cx="14096" cy="14096"/>
            </a:xfrm>
            <a:custGeom>
              <a:avLst/>
              <a:gdLst>
                <a:gd name="connsiteX0" fmla="*/ 14097 w 14096"/>
                <a:gd name="connsiteY0" fmla="*/ 7049 h 14096"/>
                <a:gd name="connsiteX1" fmla="*/ 7048 w 14096"/>
                <a:gd name="connsiteY1" fmla="*/ 14097 h 14096"/>
                <a:gd name="connsiteX2" fmla="*/ 0 w 14096"/>
                <a:gd name="connsiteY2" fmla="*/ 7049 h 14096"/>
                <a:gd name="connsiteX3" fmla="*/ 7048 w 14096"/>
                <a:gd name="connsiteY3" fmla="*/ 0 h 14096"/>
                <a:gd name="connsiteX4" fmla="*/ 14097 w 14096"/>
                <a:gd name="connsiteY4" fmla="*/ 7049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9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9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858" y="0"/>
                    <a:pt x="14097" y="3143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91" name="Freeform: Shape 1190">
              <a:extLst>
                <a:ext uri="{FF2B5EF4-FFF2-40B4-BE49-F238E27FC236}">
                  <a16:creationId xmlns:a16="http://schemas.microsoft.com/office/drawing/2014/main" id="{00C0927E-2CCF-4F8E-8A54-22B8A93C979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7" y="3481373"/>
              <a:ext cx="14096" cy="14097"/>
            </a:xfrm>
            <a:custGeom>
              <a:avLst/>
              <a:gdLst>
                <a:gd name="connsiteX0" fmla="*/ 14097 w 14096"/>
                <a:gd name="connsiteY0" fmla="*/ 7049 h 14097"/>
                <a:gd name="connsiteX1" fmla="*/ 7048 w 14096"/>
                <a:gd name="connsiteY1" fmla="*/ 14097 h 14097"/>
                <a:gd name="connsiteX2" fmla="*/ 0 w 14096"/>
                <a:gd name="connsiteY2" fmla="*/ 7049 h 14097"/>
                <a:gd name="connsiteX3" fmla="*/ 7048 w 14096"/>
                <a:gd name="connsiteY3" fmla="*/ 0 h 14097"/>
                <a:gd name="connsiteX4" fmla="*/ 14097 w 14096"/>
                <a:gd name="connsiteY4" fmla="*/ 7049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9"/>
                  </a:moveTo>
                  <a:cubicBezTo>
                    <a:pt x="14097" y="10941"/>
                    <a:pt x="10941" y="14097"/>
                    <a:pt x="7048" y="14097"/>
                  </a:cubicBezTo>
                  <a:cubicBezTo>
                    <a:pt x="3156" y="14097"/>
                    <a:pt x="0" y="10941"/>
                    <a:pt x="0" y="7049"/>
                  </a:cubicBezTo>
                  <a:cubicBezTo>
                    <a:pt x="0" y="3156"/>
                    <a:pt x="3156" y="0"/>
                    <a:pt x="7048" y="0"/>
                  </a:cubicBezTo>
                  <a:cubicBezTo>
                    <a:pt x="10941" y="0"/>
                    <a:pt x="14097" y="3156"/>
                    <a:pt x="14097" y="704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92" name="Freeform: Shape 1191">
              <a:extLst>
                <a:ext uri="{FF2B5EF4-FFF2-40B4-BE49-F238E27FC236}">
                  <a16:creationId xmlns:a16="http://schemas.microsoft.com/office/drawing/2014/main" id="{D0C3350E-04F5-4FED-9991-4DD964E099D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76" y="3540622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93" name="Freeform: Shape 1192">
              <a:extLst>
                <a:ext uri="{FF2B5EF4-FFF2-40B4-BE49-F238E27FC236}">
                  <a16:creationId xmlns:a16="http://schemas.microsoft.com/office/drawing/2014/main" id="{F43D0338-A6C9-4866-8D0C-072664518ED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7" y="3540623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94" name="Freeform: Shape 1193">
              <a:extLst>
                <a:ext uri="{FF2B5EF4-FFF2-40B4-BE49-F238E27FC236}">
                  <a16:creationId xmlns:a16="http://schemas.microsoft.com/office/drawing/2014/main" id="{40EA171B-27E2-4100-9D5F-123CF6E7F9E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72" y="3540626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9 w 14096"/>
                <a:gd name="connsiteY1" fmla="*/ 14097 h 14096"/>
                <a:gd name="connsiteX2" fmla="*/ 0 w 14096"/>
                <a:gd name="connsiteY2" fmla="*/ 7048 h 14096"/>
                <a:gd name="connsiteX3" fmla="*/ 7049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859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95" name="Freeform: Shape 1194">
              <a:extLst>
                <a:ext uri="{FF2B5EF4-FFF2-40B4-BE49-F238E27FC236}">
                  <a16:creationId xmlns:a16="http://schemas.microsoft.com/office/drawing/2014/main" id="{22FD540C-F3DF-40F5-B2BE-BBD113EF43C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22" y="3540627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96" name="Freeform: Shape 1195">
              <a:extLst>
                <a:ext uri="{FF2B5EF4-FFF2-40B4-BE49-F238E27FC236}">
                  <a16:creationId xmlns:a16="http://schemas.microsoft.com/office/drawing/2014/main" id="{57768D93-FAD4-4236-969B-B8EE8E88F3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8" y="3540630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858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97" name="Freeform: Shape 1196">
              <a:extLst>
                <a:ext uri="{FF2B5EF4-FFF2-40B4-BE49-F238E27FC236}">
                  <a16:creationId xmlns:a16="http://schemas.microsoft.com/office/drawing/2014/main" id="{0F5E0490-21C2-4EF6-950D-38814F32C2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7" y="3540631"/>
              <a:ext cx="14096" cy="14097"/>
            </a:xfrm>
            <a:custGeom>
              <a:avLst/>
              <a:gdLst>
                <a:gd name="connsiteX0" fmla="*/ 14097 w 14096"/>
                <a:gd name="connsiteY0" fmla="*/ 7048 h 14097"/>
                <a:gd name="connsiteX1" fmla="*/ 7048 w 14096"/>
                <a:gd name="connsiteY1" fmla="*/ 14097 h 14097"/>
                <a:gd name="connsiteX2" fmla="*/ 0 w 14096"/>
                <a:gd name="connsiteY2" fmla="*/ 7048 h 14097"/>
                <a:gd name="connsiteX3" fmla="*/ 7048 w 14096"/>
                <a:gd name="connsiteY3" fmla="*/ 0 h 14097"/>
                <a:gd name="connsiteX4" fmla="*/ 14097 w 14096"/>
                <a:gd name="connsiteY4" fmla="*/ 7048 h 14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7">
                  <a:moveTo>
                    <a:pt x="14097" y="7048"/>
                  </a:moveTo>
                  <a:cubicBezTo>
                    <a:pt x="14097" y="10941"/>
                    <a:pt x="10941" y="14097"/>
                    <a:pt x="7048" y="14097"/>
                  </a:cubicBezTo>
                  <a:cubicBezTo>
                    <a:pt x="3156" y="14097"/>
                    <a:pt x="0" y="10941"/>
                    <a:pt x="0" y="7048"/>
                  </a:cubicBezTo>
                  <a:cubicBezTo>
                    <a:pt x="0" y="3156"/>
                    <a:pt x="3156" y="0"/>
                    <a:pt x="7048" y="0"/>
                  </a:cubicBezTo>
                  <a:cubicBezTo>
                    <a:pt x="10941" y="0"/>
                    <a:pt x="14097" y="3156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98" name="Freeform: Shape 1197">
              <a:extLst>
                <a:ext uri="{FF2B5EF4-FFF2-40B4-BE49-F238E27FC236}">
                  <a16:creationId xmlns:a16="http://schemas.microsoft.com/office/drawing/2014/main" id="{8E981C9B-710F-4034-AE82-28B1B07245D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76" y="3599781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99" name="Freeform: Shape 1198">
              <a:extLst>
                <a:ext uri="{FF2B5EF4-FFF2-40B4-BE49-F238E27FC236}">
                  <a16:creationId xmlns:a16="http://schemas.microsoft.com/office/drawing/2014/main" id="{CC62C2CC-DBAE-4877-8F55-02FE00AE811E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7" y="3599781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00" name="Freeform: Shape 1199">
              <a:extLst>
                <a:ext uri="{FF2B5EF4-FFF2-40B4-BE49-F238E27FC236}">
                  <a16:creationId xmlns:a16="http://schemas.microsoft.com/office/drawing/2014/main" id="{D8F57D8B-1988-441F-9DAE-A525DA5E9D9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72" y="3599781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9 w 14096"/>
                <a:gd name="connsiteY1" fmla="*/ 14097 h 14096"/>
                <a:gd name="connsiteX2" fmla="*/ 0 w 14096"/>
                <a:gd name="connsiteY2" fmla="*/ 7048 h 14096"/>
                <a:gd name="connsiteX3" fmla="*/ 7049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859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01" name="Freeform: Shape 1200">
              <a:extLst>
                <a:ext uri="{FF2B5EF4-FFF2-40B4-BE49-F238E27FC236}">
                  <a16:creationId xmlns:a16="http://schemas.microsoft.com/office/drawing/2014/main" id="{6715F028-3A13-4D5F-86C4-74C0AD81D6A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22" y="3599781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02" name="Freeform: Shape 1201">
              <a:extLst>
                <a:ext uri="{FF2B5EF4-FFF2-40B4-BE49-F238E27FC236}">
                  <a16:creationId xmlns:a16="http://schemas.microsoft.com/office/drawing/2014/main" id="{DC6C9B50-47B3-44E7-B897-43D010A189C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8" y="3599780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858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03" name="Freeform: Shape 1202">
              <a:extLst>
                <a:ext uri="{FF2B5EF4-FFF2-40B4-BE49-F238E27FC236}">
                  <a16:creationId xmlns:a16="http://schemas.microsoft.com/office/drawing/2014/main" id="{F3F602F0-702E-4D5F-A4FC-0E602C02B98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7" y="3599782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04" name="Freeform: Shape 1203">
              <a:extLst>
                <a:ext uri="{FF2B5EF4-FFF2-40B4-BE49-F238E27FC236}">
                  <a16:creationId xmlns:a16="http://schemas.microsoft.com/office/drawing/2014/main" id="{9F379870-B34C-4DFC-9F0A-BDAB8C89FE3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76" y="3659026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05" name="Freeform: Shape 1204">
              <a:extLst>
                <a:ext uri="{FF2B5EF4-FFF2-40B4-BE49-F238E27FC236}">
                  <a16:creationId xmlns:a16="http://schemas.microsoft.com/office/drawing/2014/main" id="{641092AC-FED1-4D1D-B57C-0AC883CA958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7" y="3659026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06" name="Freeform: Shape 1205">
              <a:extLst>
                <a:ext uri="{FF2B5EF4-FFF2-40B4-BE49-F238E27FC236}">
                  <a16:creationId xmlns:a16="http://schemas.microsoft.com/office/drawing/2014/main" id="{EA8A0B5E-5BB1-46AF-AC31-7D3756F354C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72" y="3659026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9 w 14096"/>
                <a:gd name="connsiteY1" fmla="*/ 14097 h 14096"/>
                <a:gd name="connsiteX2" fmla="*/ 0 w 14096"/>
                <a:gd name="connsiteY2" fmla="*/ 7048 h 14096"/>
                <a:gd name="connsiteX3" fmla="*/ 7049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859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07" name="Freeform: Shape 1206">
              <a:extLst>
                <a:ext uri="{FF2B5EF4-FFF2-40B4-BE49-F238E27FC236}">
                  <a16:creationId xmlns:a16="http://schemas.microsoft.com/office/drawing/2014/main" id="{1C519384-2192-432B-B768-64B4BC2DA98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22" y="3659026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08" name="Freeform: Shape 1207">
              <a:extLst>
                <a:ext uri="{FF2B5EF4-FFF2-40B4-BE49-F238E27FC236}">
                  <a16:creationId xmlns:a16="http://schemas.microsoft.com/office/drawing/2014/main" id="{13C77A9D-44F0-4289-A611-D8AF8135707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8" y="3659026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858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09" name="Freeform: Shape 1208">
              <a:extLst>
                <a:ext uri="{FF2B5EF4-FFF2-40B4-BE49-F238E27FC236}">
                  <a16:creationId xmlns:a16="http://schemas.microsoft.com/office/drawing/2014/main" id="{0A54AEDC-E418-4E02-A713-6CE30C0CDD5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7" y="3659026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10" name="Freeform: Shape 1209">
              <a:extLst>
                <a:ext uri="{FF2B5EF4-FFF2-40B4-BE49-F238E27FC236}">
                  <a16:creationId xmlns:a16="http://schemas.microsoft.com/office/drawing/2014/main" id="{24FECFE3-9F31-47B0-B17F-CF2A1CEE85A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76" y="3718177"/>
              <a:ext cx="14097" cy="14096"/>
            </a:xfrm>
            <a:custGeom>
              <a:avLst/>
              <a:gdLst>
                <a:gd name="connsiteX0" fmla="*/ 14097 w 14097"/>
                <a:gd name="connsiteY0" fmla="*/ 7048 h 14096"/>
                <a:gd name="connsiteX1" fmla="*/ 7049 w 14097"/>
                <a:gd name="connsiteY1" fmla="*/ 14097 h 14096"/>
                <a:gd name="connsiteX2" fmla="*/ 0 w 14097"/>
                <a:gd name="connsiteY2" fmla="*/ 7048 h 14096"/>
                <a:gd name="connsiteX3" fmla="*/ 7049 w 14097"/>
                <a:gd name="connsiteY3" fmla="*/ 0 h 14096"/>
                <a:gd name="connsiteX4" fmla="*/ 14097 w 14097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11" name="Freeform: Shape 1210">
              <a:extLst>
                <a:ext uri="{FF2B5EF4-FFF2-40B4-BE49-F238E27FC236}">
                  <a16:creationId xmlns:a16="http://schemas.microsoft.com/office/drawing/2014/main" id="{68167DF4-8B16-419B-B7BA-2FD5FF6CC81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7" y="3718177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12" name="Freeform: Shape 1211">
              <a:extLst>
                <a:ext uri="{FF2B5EF4-FFF2-40B4-BE49-F238E27FC236}">
                  <a16:creationId xmlns:a16="http://schemas.microsoft.com/office/drawing/2014/main" id="{A543D24F-44C0-4DDF-A30E-8C8407548F0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72" y="3718177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9 w 14096"/>
                <a:gd name="connsiteY1" fmla="*/ 14097 h 14096"/>
                <a:gd name="connsiteX2" fmla="*/ 0 w 14096"/>
                <a:gd name="connsiteY2" fmla="*/ 7048 h 14096"/>
                <a:gd name="connsiteX3" fmla="*/ 7049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9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9" y="0"/>
                  </a:cubicBezTo>
                  <a:cubicBezTo>
                    <a:pt x="10859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13" name="Freeform: Shape 1212">
              <a:extLst>
                <a:ext uri="{FF2B5EF4-FFF2-40B4-BE49-F238E27FC236}">
                  <a16:creationId xmlns:a16="http://schemas.microsoft.com/office/drawing/2014/main" id="{63DEAE3C-3931-41EE-B4A1-F9385602BE1C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22" y="3718177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14" name="Freeform: Shape 1213">
              <a:extLst>
                <a:ext uri="{FF2B5EF4-FFF2-40B4-BE49-F238E27FC236}">
                  <a16:creationId xmlns:a16="http://schemas.microsoft.com/office/drawing/2014/main" id="{B11945CD-32F6-4C09-82AF-5510512312A8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68" y="3718172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858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15" name="Freeform: Shape 1214">
              <a:extLst>
                <a:ext uri="{FF2B5EF4-FFF2-40B4-BE49-F238E27FC236}">
                  <a16:creationId xmlns:a16="http://schemas.microsoft.com/office/drawing/2014/main" id="{9109F44F-512F-4792-AED2-ECA80DDE16C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17" y="3718176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54"/>
                    <a:pt x="10954" y="14097"/>
                    <a:pt x="7048" y="14097"/>
                  </a:cubicBezTo>
                  <a:cubicBezTo>
                    <a:pt x="3143" y="14097"/>
                    <a:pt x="0" y="10954"/>
                    <a:pt x="0" y="7048"/>
                  </a:cubicBezTo>
                  <a:cubicBezTo>
                    <a:pt x="0" y="3143"/>
                    <a:pt x="3143" y="0"/>
                    <a:pt x="7048" y="0"/>
                  </a:cubicBezTo>
                  <a:cubicBezTo>
                    <a:pt x="10954" y="0"/>
                    <a:pt x="14097" y="3143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16" name="Freeform: Shape 1215">
              <a:extLst>
                <a:ext uri="{FF2B5EF4-FFF2-40B4-BE49-F238E27FC236}">
                  <a16:creationId xmlns:a16="http://schemas.microsoft.com/office/drawing/2014/main" id="{29B9E19B-BC56-46F2-BFFF-1688CEA55A6E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148472" y="3777419"/>
              <a:ext cx="14097" cy="14099"/>
            </a:xfrm>
            <a:custGeom>
              <a:avLst/>
              <a:gdLst>
                <a:gd name="connsiteX0" fmla="*/ 14097 w 14097"/>
                <a:gd name="connsiteY0" fmla="*/ 7051 h 14099"/>
                <a:gd name="connsiteX1" fmla="*/ 7049 w 14097"/>
                <a:gd name="connsiteY1" fmla="*/ 14099 h 14099"/>
                <a:gd name="connsiteX2" fmla="*/ 0 w 14097"/>
                <a:gd name="connsiteY2" fmla="*/ 7051 h 14099"/>
                <a:gd name="connsiteX3" fmla="*/ 7049 w 14097"/>
                <a:gd name="connsiteY3" fmla="*/ 2 h 14099"/>
                <a:gd name="connsiteX4" fmla="*/ 14097 w 14097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7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9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9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17" name="Freeform: Shape 1216">
              <a:extLst>
                <a:ext uri="{FF2B5EF4-FFF2-40B4-BE49-F238E27FC236}">
                  <a16:creationId xmlns:a16="http://schemas.microsoft.com/office/drawing/2014/main" id="{F573BDDE-4AED-43FB-B8D1-B5F37089313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07622" y="3777419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18" name="Freeform: Shape 1217">
              <a:extLst>
                <a:ext uri="{FF2B5EF4-FFF2-40B4-BE49-F238E27FC236}">
                  <a16:creationId xmlns:a16="http://schemas.microsoft.com/office/drawing/2014/main" id="{EFFDA684-6DFF-4629-830E-6F2ACAB8C30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266868" y="3777419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9 w 14096"/>
                <a:gd name="connsiteY1" fmla="*/ 14099 h 14099"/>
                <a:gd name="connsiteX2" fmla="*/ 0 w 14096"/>
                <a:gd name="connsiteY2" fmla="*/ 7051 h 14099"/>
                <a:gd name="connsiteX3" fmla="*/ 7049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9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9" y="2"/>
                  </a:cubicBezTo>
                  <a:cubicBezTo>
                    <a:pt x="10859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19" name="Freeform: Shape 1218">
              <a:extLst>
                <a:ext uri="{FF2B5EF4-FFF2-40B4-BE49-F238E27FC236}">
                  <a16:creationId xmlns:a16="http://schemas.microsoft.com/office/drawing/2014/main" id="{92E23250-6349-4726-AF61-08A57B3A2E1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26024" y="3777383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954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20" name="Freeform: Shape 1219">
              <a:extLst>
                <a:ext uri="{FF2B5EF4-FFF2-40B4-BE49-F238E27FC236}">
                  <a16:creationId xmlns:a16="http://schemas.microsoft.com/office/drawing/2014/main" id="{8536AAE6-5497-4B0A-9C9F-4EAA1BB322B6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385287" y="3777429"/>
              <a:ext cx="14096" cy="14099"/>
            </a:xfrm>
            <a:custGeom>
              <a:avLst/>
              <a:gdLst>
                <a:gd name="connsiteX0" fmla="*/ 14097 w 14096"/>
                <a:gd name="connsiteY0" fmla="*/ 7051 h 14099"/>
                <a:gd name="connsiteX1" fmla="*/ 7048 w 14096"/>
                <a:gd name="connsiteY1" fmla="*/ 14099 h 14099"/>
                <a:gd name="connsiteX2" fmla="*/ 0 w 14096"/>
                <a:gd name="connsiteY2" fmla="*/ 7051 h 14099"/>
                <a:gd name="connsiteX3" fmla="*/ 7048 w 14096"/>
                <a:gd name="connsiteY3" fmla="*/ 2 h 14099"/>
                <a:gd name="connsiteX4" fmla="*/ 14097 w 14096"/>
                <a:gd name="connsiteY4" fmla="*/ 7051 h 14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9">
                  <a:moveTo>
                    <a:pt x="14097" y="7051"/>
                  </a:moveTo>
                  <a:cubicBezTo>
                    <a:pt x="14097" y="10956"/>
                    <a:pt x="10954" y="14099"/>
                    <a:pt x="7048" y="14099"/>
                  </a:cubicBezTo>
                  <a:cubicBezTo>
                    <a:pt x="3143" y="14099"/>
                    <a:pt x="0" y="10956"/>
                    <a:pt x="0" y="7051"/>
                  </a:cubicBezTo>
                  <a:cubicBezTo>
                    <a:pt x="0" y="3145"/>
                    <a:pt x="3143" y="2"/>
                    <a:pt x="7048" y="2"/>
                  </a:cubicBezTo>
                  <a:cubicBezTo>
                    <a:pt x="10858" y="-93"/>
                    <a:pt x="14097" y="3145"/>
                    <a:pt x="14097" y="705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21" name="Freeform: Shape 1220">
              <a:extLst>
                <a:ext uri="{FF2B5EF4-FFF2-40B4-BE49-F238E27FC236}">
                  <a16:creationId xmlns:a16="http://schemas.microsoft.com/office/drawing/2014/main" id="{52B72898-B9DE-4574-BB20-0C317954D4C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444424" y="3777424"/>
              <a:ext cx="14096" cy="14096"/>
            </a:xfrm>
            <a:custGeom>
              <a:avLst/>
              <a:gdLst>
                <a:gd name="connsiteX0" fmla="*/ 14097 w 14096"/>
                <a:gd name="connsiteY0" fmla="*/ 7048 h 14096"/>
                <a:gd name="connsiteX1" fmla="*/ 7048 w 14096"/>
                <a:gd name="connsiteY1" fmla="*/ 14097 h 14096"/>
                <a:gd name="connsiteX2" fmla="*/ 0 w 14096"/>
                <a:gd name="connsiteY2" fmla="*/ 7048 h 14096"/>
                <a:gd name="connsiteX3" fmla="*/ 7048 w 14096"/>
                <a:gd name="connsiteY3" fmla="*/ 0 h 14096"/>
                <a:gd name="connsiteX4" fmla="*/ 14097 w 14096"/>
                <a:gd name="connsiteY4" fmla="*/ 7048 h 140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6" h="14096">
                  <a:moveTo>
                    <a:pt x="14097" y="7048"/>
                  </a:moveTo>
                  <a:cubicBezTo>
                    <a:pt x="14097" y="10941"/>
                    <a:pt x="10941" y="14097"/>
                    <a:pt x="7048" y="14097"/>
                  </a:cubicBezTo>
                  <a:cubicBezTo>
                    <a:pt x="3156" y="14097"/>
                    <a:pt x="0" y="10941"/>
                    <a:pt x="0" y="7048"/>
                  </a:cubicBezTo>
                  <a:cubicBezTo>
                    <a:pt x="0" y="3156"/>
                    <a:pt x="3156" y="0"/>
                    <a:pt x="7048" y="0"/>
                  </a:cubicBezTo>
                  <a:cubicBezTo>
                    <a:pt x="10941" y="0"/>
                    <a:pt x="14097" y="3156"/>
                    <a:pt x="14097" y="7048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D3F4E25-2480-7F77-F24E-DD1E1D61E8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72A2A8-704E-EF48-80AE-D3783EE37A42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72775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WiIsIkVuZERhdGUiOiIyMDIyLTAzLTA2VDE4OjI1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IsIkciOjE0NywiQiI6MjA1fX0sIklzVmlzaWJsZSI6dHJ1ZSwiV2lkdGgiOjAuMCwiSGVpZ2h0IjoxMy40MjY2NjY2NjY2NjY2Nzc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cmVmIjoiMTUifX0sIklzVmlzaWJsZSI6dHJ1ZSwiV2lkdGgiOjAuMCwiSGVpZ2h0IjowLjAsIkJvcmRlclN0eWxlIjp7IiRpZCI6IjU1IiwiTGluZUNvbG9yIjpudWxsLCJMaW5lV2VpZ2h0IjowLjAsIkxpbmVUeXBlIjowLCJQYXJlbnRTdHlsZSI6bnVsbH0sIlBhcmVudFN0eWxlIjpudWxsfSwiRGF0ZUZvcm1hdCI6eyIkaWQiOiI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yLTAyLTAxVDAwOjAwOjAwWiIsIkVuZERhdGUiOiIyMDIyLTAzLTI1VDExOjE0OjAwWiIsIlBlcmNlbnRhZ2VDb21wbGV0ZSI6bnVsbCwiU3R5bGUiOnsiJGlkIjoiNjM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HJlZiI6IjU0In0sIklzVmlzaWJsZSI6dHJ1ZSwiV2lkdGgiOjAuMCwiSGVpZ2h0IjowLjAsIkJvcmRlclN0eWxlIjp7IiRpZCI6Ijk4IiwiTGluZUNvbG9yIjpudWxsLCJMaW5lV2VpZ2h0IjowLjAsIkxpbmVUeXBlIjowLCJQYXJlbnRTdHlsZSI6bnVsbH0sIlBhcmVudFN0eWxlIjpudWxsfSwiRGF0ZUZvcm1hdCI6eyIkaWQiOiI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kiLCJUb3AiOjAuMCwiTGVmdCI6MC4wLCJSaWdodCI6MC4wLCJCb3R0b20iOjAuMH0sIlBhZGRpbmciOnsiJGlkIjoiMTQwIiwiVG9wIjowLjAsIkxlZnQiOjAuMCwiUmlnaHQiOjAuMCwiQm90dG9tIjowLjB9LCJCYWNrZ3JvdW5kIjp7IiRyZWYiOiI1NCJ9LCJJc1Zpc2libGUiOnRydWUsIldpZHRoIjowLjAsIkhlaWdodCI6MC4wLCJCb3JkZXJTdHlsZSI6eyIkaWQiOiIxNDEiLCJMaW5lQ29sb3IiOm51bGwsIkxpbmVXZWlnaHQiOjAuMCwiTGluZVR5cGUiOjAsIlBhcmVudFN0eWxlIjpudWxsfSwiUGFyZW50U3R5bGUiOm51bGx9LCJEYXRlRm9ybWF0Ijp7IiRpZCI6IjE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aWQiOiIxNjMiLCJDb2xvciI6eyIkaWQiOiIxNj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wLCJSIjoyNTUsIkciOjI1NSwiQiI6MjU1fX0sIklzVmlzaWJsZSI6dHJ1ZSwiV2lkdGgiOjAuMCwiSGVpZ2h0IjowLjAsIkJvcmRlclN0eWxlIjp7IiRpZCI6IjE3OCIsIkxpbmVDb2xvciI6bnVsbCwiTGluZVdlaWdodCI6MC4wLCJMaW5lVHlwZSI6MCwiUGFyZW50U3R5bGUiOm51bGx9LCJQYXJlbnRTdHlsZSI6bnVsbH0sIkRhdGVGb3JtYXQiOnsiJGlkIjoiMT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I3NiIsIlRvcCI6MC4wLCJMZWZ0IjowLjAsIlJpZ2h0IjowLjAsIkJvdHRvbSI6MC4wfSwiUGFkZGluZyI6eyIkaWQiOiIyNzciLCJUb3AiOjAuMCwiTGVmdCI6MC4wLCJSaWdodCI6MC4wLCJCb3R0b20iOjAuMH0sIkJhY2tncm91bmQiOnsiJGlkIjoiMjc4IiwiQ29sb3IiOnsiJGlkIjoiMjc5IiwiQSI6MCwiUiI6MjU1LCJHIjoyNTUsIkIiOjI1NX1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pZCI6IjI4MyIsIkNvbG9yIjp7IiRpZCI6IjI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1IiwiVG9wIjowLjAsIkxlZnQiOjAuMCwiUmlnaHQiOjAuMCwiQm90dG9tIjowLjB9LCJQYWRkaW5nIjp7IiRpZCI6IjI4NiIsIlRvcCI6MC4wLCJMZWZ0IjowLjAsIlJpZ2h0IjowLjAsIkJvdHRvbSI6MC4wfSwiQmFja2dyb3VuZCI6eyIkcmVmIjoiNTQifSwiSXNWaXNpYmxlIjp0cnVlLCJXaWR0aCI6MC4wLCJIZWlnaHQiOjAuMCwiQm9yZGVyU3R5bGUiOnsiJGlkIjoiMjg3IiwiTGluZUNvbG9yIjpudWxsLCJMaW5lV2VpZ2h0IjowLjAsIkxpbmVUeXBlIjowLCJQYXJlbnRTdHlsZSI6bnVsbH0sIlBhcmVudFN0eWxlIjpudWxsfSwiRGF0ZUZvcm1hdCI6eyIkaWQiOiIyODg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aWQiOiIzMDkiLCJBIjowLCJSIjoyNTUsIkciOjI1NSwiQiI6MjU1fX0sIklzVmlzaWJsZSI6dHJ1ZSwiV2lkdGgiOjAuMCwiSGVpZ2h0IjowLjAsIkJvcmRlclN0eWxlIjpudWxs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GlkIjoiMzEyIiwiQ29sb3IiOnsiJGlkIjoiMzE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QiLCJUb3AiOjAuMCwiTGVmdCI6MC4wLCJSaWdodCI6MC4wLCJCb3R0b20iOjAuMH0sIlBhZGRpbmciOnsiJGlkIjoiMzE1IiwiVG9wIjowLjAsIkxlZnQiOjAuMCwiUmlnaHQiOjAuMCwiQm90dG9tIjowLjB9LCJCYWNrZ3JvdW5kIjp7IiRpZCI6IjMxNiIsIkNvbG9yIjp7IiRpZCI6IjMxNyIsIkEiOjAsIlIiOjI1NSwiRyI6MjU1LCJCIjoyNTV9fSwiSXNWaXNpYmxlIjpmYWxzZSwiV2lkdGgiOjAuMCwiSGVpZ2h0IjowLjAsIkJvcmRlclN0eWxlIjpudWxsLCJQYXJlbnRTdHlsZSI6bnVsbH0sIkRhdGVGb3JtYXQiOnsiJGlkIjoiMz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aWQiOiIzOTciLCJDb2xvciI6eyIkaWQiOiIzOTgiLCJBIjowLCJSIjoyNTUsIkciOjI1NSwiQiI6MjU1fX0sIklzVmlzaWJsZSI6ZmFsc2UsIldpZHRoIjowLjAsIkhlaWdodCI6MC4wLCJCb3JkZXJTdHlsZSI6bnVsbCwiUGFyZW50U3R5bGUiOm51bGx9LCJEYXRlRm9ybWF0Ijp7IiRpZCI6IjM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MwNiJ9LCJQYWRkaW5nIjp7IiRyZWYiOiIzMDcifSwiQmFja2dyb3VuZCI6eyIkaWQiOiI0MTIiLCJDb2xvciI6eyIkaWQiOiI0MTMiLCJBIjowLCJSIjoyNTUsIkciOjI1NSwiQiI6MjU1fX0sIklzVmlzaWJsZSI6dHJ1ZSwiV2lkdGgiOjAuMCwiSGVpZ2h0IjowLjAsIkJvcmRlclN0eWxlIjpudWxs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GlkIjoiNDE2IiwiQ29sb3IiOnsiJGlkIjoiND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pZCI6IjQxOCIsIkNvbG9yIjp7IiRpZCI6IjQxOSIsIkEiOjAsIlIiOjI1NSwiRyI6MjU1LCJCIjoyNTV9fSwiSXNWaXNpYmxlIjpmYWxzZSwiV2lkdGgiOjAuMCwiSGVpZ2h0IjowLjAsIkJvcmRlclN0eWxlIjpudWxsLCJQYXJlbnRTdHlsZSI6bnVsbH0sIkRhdGVGb3JtYXQiOnsiJGlkIjoiND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GlkIjoiNDM5IiwiQ29sb3IiOnsiJGlkIjoiNDQwIiwiQSI6MCwiUiI6MjU1LCJHIjoyNTUsIkIiOjI1NX19LCJJc1Zpc2libGUiOmZhbHNlLCJXaWR0aCI6MC4wLCJIZWlnaHQiOjAuMCwiQm9yZGVyU3R5bGUiOm51bGwsIlBhcmVudFN0eWxlIjpudWxsfSwiRGF0ZUZvcm1hdCI6eyIkaWQiOiI0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zMDYifSwiUGFkZGluZyI6eyIkcmVmIjoiMzA3In0sIkJhY2tncm91bmQiOnsiJGlkIjoiNDU0IiwiQ29sb3IiOnsiJGlkIjoiNDU1IiwiQSI6MCwiUiI6MjU1LCJHIjoyNTUsIkIiOjI1NX19LCJJc1Zpc2libGUiOnRydWUsIldpZHRoIjowLjAsIkhlaWdodCI6MC4wLCJCb3JkZXJTdHlsZSI6bnVsbCwiUGFyZW50U3R5bGUiOm51bGx9LCJEY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aWQiOiI0NjAiLCJDb2xvciI6eyIkaWQiOiI0NjEiLCJBIjowLCJSIjoyNTUsIkciOjI1NSwiQiI6MjU1fX0sIklzVmlzaWJsZSI6ZmFsc2UsIldpZHRoIjowLjAsIkhlaWdodCI6MC4wLCJCb3JkZXJTdHlsZSI6bnVsbCwiUGFyZW50U3R5bGUiOm51bGx9LCJEYXRlRm9ybWF0Ijp7IiRpZCI6IjQ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GlkIjoiNDgxIiwiQ29sb3IiOnsiJGlkIjoiNDgyIiwiQSI6MCwiUiI6MjU1LCJHIjoyNTUsIkIiOjI1NX19LCJJc1Zpc2libGUiOmZhbHNlLCJXaWR0aCI6MC4wLCJIZWlnaHQiOjAuMCwiQm9yZGVyU3R5bGUiOm51bGwsIlBhcmVudFN0eWxlIjpudWxsfSwiRGF0ZUZvcm1hdCI6eyIkaWQiOiI0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yZWYiOiIxNC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aWQiOiI0OTciLCJDb2xvciI6eyIkcmVmIjoiMjAifX0sIk1heFdpZHRoIjoyMDAuMCwiTWF4SGVpZ2h0IjoiSW5maW5pdHkiLCJTbWFydEZvcmVncm91bmRJc0FjdGl2ZSI6ZmFsc2UsIkhvcml6b250YWxBbGlnbm1lbnQiOjA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HJlZiI6IjIzIn0sIklzVmlzaWJsZSI6dHJ1ZSwiV2lkdGgiOjAuMCwiSGVpZ2h0IjowLjAsIkJvcmRlclN0eWxlIjp7IiRpZCI6IjUwMCIsIkxpbmVDb2xvciI6bnVsbCwiTGluZVdlaWdodCI6MC4wLCJMaW5lVHlwZSI6MCwiUGFyZW50U3R5bGUiOm51bGx9LCJQYXJlbnRTdHlsZSI6bnVsbH0sIkhvcml6b250YWxDb25uZWN0b3JTdHlsZSI6eyIkaWQiOiI1MDEiLCJMaW5lQ29sb3IiOnsiJHJlZiI6IjI2In0sIkxpbmVXZWlnaHQiOjEuMCwiTGluZVR5cGUiOjAsIlBhcmVudFN0eWxlIjpudWxsfSwiVmVydGljYWxDb25uZWN0b3JTdHlsZSI6eyIkaWQiOiI1MDI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MiIsIlRvcCI6MC4wLCJMZWZ0IjowLjAsIlJpZ2h0IjowLjAsIkJvdHRvbSI6MC4wfSwiUGFkZGluZyI6eyIkaWQiOiI1MjMiLCJUb3AiOjAuMCwiTGVmdCI6MC4wLCJSaWdodCI6MC4wLCJCb3R0b20iOjAuMH0sIkJhY2tncm91bmQiOnsiJHJlZiI6IjU0In0sIklzVmlzaWJsZSI6dHJ1ZSwiV2lkdGgiOjAuMCwiSGVpZ2h0IjowLjAsIkJvcmRlclN0eWxlIjp7IiRpZCI6IjUyNCIsIkxpbmVDb2xvciI6bnVsbCwiTGluZVdlaWdodCI6MC4wLCJMaW5lVHlwZSI6MCwiUGFyZW50U3R5bGUiOm51bGx9LCJQYXJlbnRTdHlsZSI6bnVsbH0sIkRhdGVGb3JtYXQiOnsiJGlkIjoiN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HJlZiI6IjIzIn0sIklzVmlzaWJsZSI6dHJ1ZSwiV2lkdGgiOjAuMCwiSGVpZ2h0IjowLjAsIkJvcmRlclN0eWxlIjp7IiRpZCI6IjU0MiIsIkxpbmVDb2xvciI6bnVsbCwiTGluZVdlaWdodCI6MC4wLCJMaW5lVHlwZSI6MCwiUGFyZW50U3R5bGUiOm51bGx9LCJQYXJlbnRTdHlsZSI6bnVsbH0sIkhvcml6b250YWxDb25uZWN0b3JTdHlsZSI6eyIkaWQiOiI1NDMiLCJMaW5lQ29sb3IiOnsiJHJlZiI6IjI2In0sIkxpbmVXZWlnaHQiOjEuMCwiTGluZVR5cGUiOjAsIlBhcmVudFN0eWxlIjpudWxsfSwiVmVydGljYWxDb25uZWN0b3JTdHlsZSI6eyIkaWQiOiI1ND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I1NSwiRyI6MjU1LCJCIjoyNTV9fSwiSXNWaXNpYmxlIjp0cnVlLCJXaWR0aCI6MC4wLCJIZWlnaHQiOjAuMCwiQm9yZGVyU3R5bGUiOnsiJGlkIjoiNTU5IiwiTGluZUNvbG9yIjpudWxsLCJMaW5lV2VpZ2h0IjowLjAsIkxpbmVUeXBlIjowLCJQYXJlbnRTdHlsZSI6bnVsbH0sIlBhcmVudFN0eWxlIjpudWxsfSwiRGF0ZV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HJlZiI6IjU0In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DYiLCJUb3AiOjAuMCwiTGVmdCI6MC4wLCJSaWdodCI6MC4wLCJCb3R0b20iOjAuMH0sIlBhZGRpbmciOnsiJGlkIjoiNjA3IiwiVG9wIjowLjAsIkxlZnQiOjAuMCwiUmlnaHQiOjAuMCwiQm90dG9tIjowLjB9LCJCYWNrZ3JvdW5kIjp7IiRyZWYiOiI1NCJ9LCJJc1Zpc2libGUiOnRydWUsIldpZHRoIjowLjAsIkhlaWdodCI6MC4wLCJCb3JkZXJTdHlsZSI6eyIkaWQiOiI2MDgiLCJMaW5lQ29sb3IiOm51bGwsIkxpbmVXZWlnaHQiOjAuMCwiTGluZVR5cGUiOjAsIlBhcmVudFN0eWxlIjpudWxsfSwiUGFyZW50U3R5bGUiOm51bGx9LCJEYXRlRm9ybWF0Ijp7IiRpZCI6IjY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k2IiwiVG9wIjowLjAsIkxlZnQiOjAuMCwiUmlnaHQiOjAuMCwiQm90dG9tIjowLjB9LCJQYWRkaW5nIjp7IiRpZCI6IjY5NyIsIlRvcCI6MC4wLCJMZWZ0IjowLjAsIlJpZ2h0IjowLjAsIkJvdHRvbSI6MC4wfSwiQmFja2dyb3VuZCI6eyIkcmVmIjoiNTQifSwiSXNWaXNpYmxlIjp0cnVlLCJXaWR0aCI6MC4wLCJIZWlnaHQiOjAuMCwiQm9yZGVyU3R5bGUiOnsiJGlkIjoiNjk4IiwiTGluZUNvbG9yIjpudWxsLCJMaW5lV2VpZ2h0IjowLjAsIkxpbmVUeXBlIjowLCJQYXJlbnRTdHlsZSI6bnVsbH0sIlBhcmVudFN0eWxlIjpudWxsfSwiRGF0ZUZvcm1hdCI6eyIkaWQiOiI2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yZWYiOiIyMyJ9LCJJc1Zpc2libGUiOnRydWUsIldpZHRoIjowLjAsIkhlaWdodCI6MC4wLCJCb3JkZXJTdHlsZSI6eyIkaWQiOiI3MTYiLCJMaW5lQ29sb3IiOm51bGwsIkxpbmVXZWlnaHQiOjAuMCwiTGluZVR5cGUiOjAsIlBhcmVudFN0eWxlIjpudWxsfSwiUGFyZW50U3R5bGUiOm51bGx9LCJIb3Jpem9udGFsQ29ubmVjdG9yU3R5bGUiOnsiJGlkIjoiNzE3IiwiTGluZUNvbG9yIjp7IiRyZWYiOiIyNiJ9LCJMaW5lV2VpZ2h0IjoxLjAsIkxpbmVUeXBlIjowLCJQYXJlbnRTdHlsZSI6bnVsbH0sIlZlcnRpY2FsQ29ubmVjdG9yU3R5bGUiOnsiJGlkIjoiNzE4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zOCIsIlRvcCI6MC4wLCJMZWZ0IjowLjAsIlJpZ2h0IjowLjAsIkJvdHRvbSI6MC4wfSwiUGFkZGluZyI6eyIkaWQiOiI3MzkiLCJUb3AiOjAuMCwiTGVmdCI6MC4wLCJSaWdodCI6MC4wLCJCb3R0b20iOjAuMH0sIkJhY2tncm91bmQiOnsiJHJlZiI6IjU0In0sIklzVmlzaWJsZSI6dHJ1ZSwiV2lkdGgiOjAuMCwiSGVpZ2h0IjowLjAsIkJvcmRlclN0eWxlIjp7IiRpZCI6Ijc0MCIsIkxpbmVDb2xvciI6bnVsbCwiTGluZVdlaWdodCI6MC4wLCJMaW5lVHlwZSI6MCwiUGFyZW50U3R5bGUiOm51bGx9LCJQYXJlbnRTdHlsZSI6bnVsbH0sIkRhdGVGb3JtYXQiOnsiJGlkIjoiNz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xIiwiVG9wIjowLjAsIkxlZnQiOjAuMCwiUmlnaHQiOjAuMCwiQm90dG9tIjowLjB9LCJQYWRkaW5nIjp7IiRpZCI6Ijc4MiIsIlRvcCI6MC4wLCJMZWZ0IjowLjAsIlJpZ2h0IjowLjAsIkJvdHRvbSI6MC4wfSwiQmFja2dyb3VuZCI6eyIkcmVmIjoiNTQifSwiSXNWaXNpYmxlIjp0cnVlLCJXaWR0aCI6MC4wLCJIZWlnaHQiOjAuMCwiQm9yZGVyU3R5bGUiOnsiJGlkIjoiNzgzIiwiTGluZUNvbG9yIjpudWxsLCJMaW5lV2VpZ2h0IjowLjAsIkxpbmVUeXBlIjowLCJQYXJlbnRTdHlsZSI6bnVsbH0sIlBhcmVudFN0eWxlIjpudWxsfSwiRGF0ZUZvcm1hdCI6eyIkaWQiOiI3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I0IiwiVG9wIjowLjAsIkxlZnQiOjAuMCwiUmlnaHQiOjAuMCwiQm90dG9tIjowLjB9LCJQYWRkaW5nIjp7IiRpZCI6IjgyNSIsIlRvcCI6MC4wLCJMZWZ0IjowLjAsIlJpZ2h0IjowLjAsIkJvdHRvbSI6MC4wfSwiQmFja2dyb3VuZCI6eyIkcmVmIjoiNTQifSwiSXNWaXNpYmxlIjp0cnVlLCJXaWR0aCI6MC4wLCJIZWlnaHQiOjAuMCwiQm9yZGVyU3R5bGUiOnsiJGlkIjoiODI2IiwiTGluZUNvbG9yIjpudWxsLCJMaW5lV2VpZ2h0IjowLjAsIkxpbmVUeXBlIjowLCJQYXJlbnRTdHlsZSI6bnVsbH0sIlBhcmVudFN0eWxlIjpudWxsfSwiRGF0ZUZvcm1hdCI6eyIkaWQiOiI4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aWQiOiI4NDgiLCJDb2xvciI6eyIkaWQiOiI4NDkiLCJBIjowLCJSIjoyNTUsIkciOjI1NSwiQiI6MjU1fX0sIklzVmlzaWJsZSI6ZmFsc2UsIldpZHRoIjowLjAsIkhlaWdodCI6MC4wLCJCb3JkZXJTdHlsZSI6bnVsbCwiUGFyZW50U3R5bGUiOm51bGx9LCJEYXRlRm9ybWF0Ijp7IiRpZCI6Ijg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aWQiOiI4NjkiLCJDb2xvciI6eyIkaWQiOiI4NzAiLCJBIjowLCJSIjoyNTUsIkciOjI1NSwiQiI6MjU1fX0sIklzVmlzaWJsZSI6ZmFsc2UsIldpZHRoIjowLjAsIkhlaWdodCI6MC4wLCJCb3JkZXJTdHlsZSI6bnVsbCwiUGFyZW50U3R5bGUiOm51bGx9LCJEYXRlRm9ybWF0Ijp7IiRpZCI6Ijg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EwIiwiVG9wIjowLjAsIkxlZnQiOjAuMCwiUmlnaHQiOjAuMCwiQm90dG9tIjowLjB9LCJQYWRkaW5nIjp7IiRpZCI6IjkxMSIsIlRvcCI6MC4wLCJMZWZ0IjowLjAsIlJpZ2h0IjowLjAsIkJvdHRvbSI6MC4wfSwiQmFja2dyb3VuZCI6eyIkcmVmIjoiNTQifSwiSXNWaXNpYmxlIjp0cnVlLCJXaWR0aCI6MC4wLCJIZWlnaHQiOjAuMCwiQm9yZGVyU3R5bGUiOnsiJGlkIjoiOTEyIiwiTGluZUNvbG9yIjpudWxsLCJMaW5lV2VpZ2h0IjowLjAsIkxpbmVUeXBlIjowLCJQYXJlbnRTdHlsZSI6bnVsbH0sIlBhcmVudFN0eWxlIjpudWxsfSwiRGF0ZUZvcm1hdCI6eyIkaWQiOiI5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IzIiwiVG9wIjowLjAsIkxlZnQiOjAuMCwiUmlnaHQiOjAuMCwiQm90dG9tIjowLjB9LCJQYWRkaW5nIjp7IiRpZCI6IjkyNCIsIlRvcCI6MC4wLCJMZWZ0IjowLjAsIlJpZ2h0IjowLjAsIkJvdHRvbSI6MC4wfSwiQmFja2dyb3VuZCI6bnVsbCwiSXNWaXNpYmxlIjp0cnVlLCJXaWR0aCI6MC4wLCJIZWlnaHQiOjAuMCwiQm9yZGVyU3R5bGUiOm51bGwsIlBhcmVudFN0eWxlIjpudWxsfSwiUmVjdGFuZ2x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MxNCJ9LCJQYWRkaW5nIjp7IiRyZWYiOiIzMTUifSwiQmFja2dyb3VuZCI6eyIkaWQiOiIxMDA0IiwiQ29sb3IiOnsiJGlkIjoiMTAwNSIsIkEiOjAsIlIiOjI1NSwiRyI6MjU1LCJCIjoyNTV9fSwiSXNWaXNpYmxlIjp0cnVlLCJXaWR0aCI6MC4wLCJIZWlnaHQiOjAuMCwiQm9yZGVyU3R5bGUiOm51bGwsIlBhcmVudFN0eWxlIjpudWxsfSwiRGF0ZUZvcm1hdCI6eyIkaWQiOiIxMDA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zMTQifSwiUGFkZGluZyI6eyIkcmVmIjoiMzE1In0sIkJhY2tncm91bmQiOnsiJGlkIjoiMTAyNiIsIkNvbG9yIjp7IiRpZCI6IjEwMjciLCJBIjowLCJSIjoyNTUsIkciOjI1NSwiQiI6MjU1fX0sIklzVmlzaWJsZSI6dHJ1ZSwiV2lkdGgiOjAuMCwiSGVpZ2h0IjowLjAsIkJvcmRlclN0eWxlIjpudWxsLCJQYXJlbnRTdHlsZSI6bnVsbH0sIkRhdGVGb3JtYXQiOnsiJGlkIjoiMTAyO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zE0In0sIlBhZGRpbmciOnsiJHJlZiI6IjMxNSJ9LCJCYWNrZ3JvdW5kIjp7IiRpZCI6IjEwNDkiLCJDb2xvciI6eyIkaWQiOiIxMDUwIiwiQSI6MCwiUiI6MjU1LCJHIjoyNTUsIkIiOjI1NX19LCJJc1Zpc2libGUiOnRydWUsIldpZHRoIjowLjAsIkhlaWdodCI6MC4wLCJCb3JkZXJTdHlsZSI6bnVsbCwiUGFyZW50U3R5bGUiOm51bGx9LCJEYXRlRm9ybWF0Ijp7IiRpZCI6IjEwNT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MxNCJ9LCJQYWRkaW5nIjp7IiRyZWYiOiIzMTUifSwiQmFja2dyb3VuZCI6eyIkaWQiOiIxMDcxIiwiQ29sb3IiOnsiJGlkIjoiMTA3MiIsIkEiOjAsIlIiOjI1NSwiRyI6MjU1LCJCIjoyNTV9fSwiSXNWaXNpYmxlIjp0cnVlLCJXaWR0aCI6MC4wLCJIZWlnaHQiOjAuMCwiQm9yZGVyU3R5bGUiOm51bGwsIlBhcmVudFN0eWxlIjpudWxsfSwiRGF0ZUZvcm1hdCI6eyIkaWQiOiIxMDcz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xNCJ9LCJQYWRkaW5nIjp7IiRyZWYiOiIzMTUifSwiQmFja2dyb3VuZCI6eyIkaWQiOiIxMTk4IiwiQ29sb3IiOnsiJHJlZiI6IjE1In19LCJJc1Zpc2libGUiOnRydWUsIldpZHRoIjowLjAsIkhlaWdodCI6MC4wLCJCb3JkZXJTdHlsZSI6bnVsbCwiUGFyZW50U3R5bGUiOm51bGx9LCJEYXRlRm9ybWF0Ijp7IiRpZCI6IjEx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MCIsIkZvcm1hdCI6MCwiSXNWaXNpYmxlIjpmYWxzZSwiTGFzdEtub3duVmlzaWJpbGl0eVN0YXRlIjpmYWxzZX0sIklzVmlzaWJsZSI6dHJ1ZSwiUGFyZW50U3R5bGUiOm51bGx9LCJEZWZhdWx0VGFza1N0eWxlIjp7IiRpZCI6IjEyMDEiLCJTaGFwZSI6MSwiU2hhcGVUaGlja25lc3MiOjAsIkR1cmF0aW9uRm9ybWF0IjowLCJJbmNsdWRlTm9uV29ya2luZ0RheXNJbkR1cmF0aW9uIjpmYWxzZSwiUGVyY2VudGFnZUNvbXBsZXRlU3R5bGUiOnsiJGlkIjoiMTIwMiIsIkZvbnRTZXR0aW5ncyI6eyIkaWQiOiIxMjA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yIiwiVG9wIjowLjAsIkxlZnQiOjAuMCwiUmlnaHQiOjAuMCwiQm90dG9tIjowLjB9LCJQYWRkaW5nIjp7IiRpZCI6IjEyMzMiLCJUb3AiOjAuMCwiTGVmdCI6MC4wLCJSaWdodCI6MC4wLCJCb3R0b20iOjAuMH0sIkJhY2tncm91bmQiOnsiJHJlZiI6IjU0In0sIklzVmlzaWJsZSI6dHJ1ZSwiV2lkdGgiOjAuMCwiSGVpZ2h0IjowLjAsIkJvcmRlclN0eWxlIjpudWxsLCJQYXJlbnRTdHlsZSI6bnVsbH0sIkRhdGVGb3JtYXQiOnsiJGlkIjoiMTI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M1IiwiRm9ybWF0IjowLCJJc1Zpc2libGUiOmZhbHNlLCJMYXN0S25vd25WaXNpYmlsaXR5U3RhdGUiOmZhbHNlfSwiSXNWaXNpYmxlIjp0cnVlLCJQYXJlbnRTdHlsZSI6bnVsbCwiX2V4cGxpY2l0bHlTZXQiOnsiJGlkIjoiMTIz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A2IiwiRm9ybWF0IjowLCJJc1Zpc2libGUiOmZhbHNlLCJMYXN0S25vd25WaXNpYmlsaXR5U3RhdGUiOmZhbHNlfSwiSXNWaXNpYmxlIjp0cnVlLCJQYXJlbnRTdHlsZSI6bnVsbH0sIkluZGV4IjowLCJQZXJjZW50YWdlQ29tcGxldGUiOm51bGwsIlBvc2l0aW9uIjp7IlJhdGlvIjowLjAsIklzQ3VzdG9tIjpmYWxzZX0sIkRhdGVGb3JtYXQiOnsiJHJlZiI6IjEzMDUifSwiV2Vla051bWJlcmluZyI6eyIkaWQiOiIxMzA3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3NiIsIkZvcm1hdCI6MCwiSXNWaXNpYmxlIjpmYWxzZSwiTGFzdEtub3duVmlzaWJpbGl0eVN0YXRlIjpmYWxzZX0sIklzVmlzaWJsZSI6dHJ1ZSwiUGFyZW50U3R5bGUiOm51bGx9LCJJbmRleCI6MiwiUGVyY2VudGFnZUNvbXBsZXRlIjpudWxsLCJQb3NpdGlvbiI6eyJSYXRpbyI6MC4wLCJJc0N1c3RvbSI6ZmFsc2V9LCJEYXRlRm9ybWF0Ijp7IiRyZWYiOiIxMzc1In0sIldlZWtOdW1iZXJpbmciOnsiJGlkIjoiMTM3Ny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xNDg1IiwiSW1wYU9wdGlvbnMiOnsiJGlkIjoiMTQ4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ODciLCJVc2VUaW1lIjpmYWxzZSwiV29ya0RheVN0YXJ0IjoiMDA6MDA6MDAiLCJXb3JrRGF5RW5kIjoiMjM6NTk6MDAifSwiTGFzdFVzZWRUZW1wbGF0ZUlkIjoiZjM3NDYwNjMtMDA0Yy00NDVkLTkxODctY2VkZjdhY2UxNDNi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2-06-30T11:59:00.0000000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Candidate"/>
  <p:tag name="OTLPOSITIONONTASK" val="None"/>
  <p:tag name="OTLRELATEDTASKID" val="00000000-0000-0000-0000-000000000000"/>
  <p:tag name="OTLWEEKNUMBERINGFORMAT" val="WNFormat1"/>
  <p:tag name="OTLWEEKNUMBERINGISVISIBLE" val="False"/>
  <p:tag name="OTLDATE" val="2022-10-01T11:59:00.0000000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2-10-20T11:59:00.0000000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  <p:tag name="OTLTIMEBANDENDDATE" val="2022-12-22T11:59:00.0000000"/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5-16T11:59:00.0000000Z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5-16T11:59:00.0000000Z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4-01T11:59:00.0000000Z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4-01T11:59:00.0000000Z"/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4-01T11:59:00.0000000Z"/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4-01T11:59:00.0000000Z"/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4-01T11:59:00.0000000Z"/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4-01T11:59:00.0000000Z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4-01T11:59:00.0000000Z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2-06-30T11:59:00.0000000"/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2-10-20T11:59:00.0000000"/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2-06-30T11:59:00.0000000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4-01T11:59:00.0000000Z"/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2-01T00:00:00.0000000Z"/>
  <p:tag name="OTLENDDATE" val="2022-03-25T11:14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5-16T11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01T00:00:00.0000000Z"/>
  <p:tag name="OTLENDDATE" val="2022-04-01T11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Blue">
      <a:dk1>
        <a:sysClr val="windowText" lastClr="000000"/>
      </a:dk1>
      <a:lt1>
        <a:sysClr val="window" lastClr="FFFFFF"/>
      </a:lt1>
      <a:dk2>
        <a:srgbClr val="17406D"/>
      </a:dk2>
      <a:lt2>
        <a:srgbClr val="DBEFF9"/>
      </a:lt2>
      <a:accent1>
        <a:srgbClr val="0F6FC6"/>
      </a:accent1>
      <a:accent2>
        <a:srgbClr val="009DD9"/>
      </a:accent2>
      <a:accent3>
        <a:srgbClr val="0BD0D9"/>
      </a:accent3>
      <a:accent4>
        <a:srgbClr val="10CF9B"/>
      </a:accent4>
      <a:accent5>
        <a:srgbClr val="7CCA62"/>
      </a:accent5>
      <a:accent6>
        <a:srgbClr val="A5C249"/>
      </a:accent6>
      <a:hlink>
        <a:srgbClr val="F49100"/>
      </a:hlink>
      <a:folHlink>
        <a:srgbClr val="85DFD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>
            <a:alpha val="55000"/>
          </a:schemeClr>
        </a:solidFill>
        <a:ln w="76200">
          <a:solidFill>
            <a:schemeClr val="bg1"/>
          </a:solidFill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89</Words>
  <Application>Microsoft Office PowerPoint</Application>
  <PresentationFormat>Widescreen</PresentationFormat>
  <Paragraphs>389</Paragraphs>
  <Slides>42</Slides>
  <Notes>9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2</vt:i4>
      </vt:variant>
    </vt:vector>
  </HeadingPairs>
  <TitlesOfParts>
    <vt:vector size="55" baseType="lpstr">
      <vt:lpstr>Raleway Black</vt:lpstr>
      <vt:lpstr>Arial</vt:lpstr>
      <vt:lpstr>Franklin Gothic Medium</vt:lpstr>
      <vt:lpstr>Calibri</vt:lpstr>
      <vt:lpstr>Segoe UI</vt:lpstr>
      <vt:lpstr>Calibri Light</vt:lpstr>
      <vt:lpstr>Times New Roman</vt:lpstr>
      <vt:lpstr>Raleway</vt:lpstr>
      <vt:lpstr>Lato</vt:lpstr>
      <vt:lpstr>Aptos Narrow</vt:lpstr>
      <vt:lpstr>Aptos</vt:lpstr>
      <vt:lpstr>Montserra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GANTT CHART</vt:lpstr>
      <vt:lpstr>PowerPoint Presentation</vt:lpstr>
      <vt:lpstr>PowerPoint Presentation</vt:lpstr>
      <vt:lpstr>PowerPoint Presentation</vt:lpstr>
      <vt:lpstr>THANK YOU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/>
  <cp:revision>1</cp:revision>
  <dcterms:created xsi:type="dcterms:W3CDTF">2023-10-03T06:31:12Z</dcterms:created>
  <dcterms:modified xsi:type="dcterms:W3CDTF">2025-05-21T10:10:21Z</dcterms:modified>
</cp:coreProperties>
</file>